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REO 4º Bim 2019 PUBLICAÇÃO\"/>
    </mc:Choice>
  </mc:AlternateContent>
  <bookViews>
    <workbookView xWindow="0" yWindow="0" windowWidth="20490" windowHeight="7350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0"/>
</workbook>
</file>

<file path=xl/sharedStrings.xml><?xml version="1.0" encoding="utf-8"?>
<sst xmlns="http://schemas.openxmlformats.org/spreadsheetml/2006/main" count="2622" uniqueCount="1128">
  <si>
    <t>ESTADO DE MATO GROSSO DO SUL</t>
  </si>
  <si>
    <t>Relatório Resumido de Execução Orçamentária</t>
  </si>
  <si>
    <t>Anexo 1 - Balanço Orçamentário</t>
  </si>
  <si>
    <t>Orçamentos Fiscal e da Seguridade Social</t>
  </si>
  <si>
    <t>Julho até Agosto - 4º Bimestre/2019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   846 - Outros Encargos Especiais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   272 - Previdência do Regime Estatutário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 xml:space="preserve">      392 - Difusão Cultural</t>
  </si>
  <si>
    <t xml:space="preserve">   14 - Direitos da Cidadania</t>
  </si>
  <si>
    <t xml:space="preserve">      130 - Administração de Concessões</t>
  </si>
  <si>
    <t xml:space="preserve">      421 - Custódia e Reintegração Social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Set/2018</t>
  </si>
  <si>
    <t>Out/2018</t>
  </si>
  <si>
    <t>Nov/2018</t>
  </si>
  <si>
    <t>Dez/2018</t>
  </si>
  <si>
    <t>Jan/2019</t>
  </si>
  <si>
    <t>Fev/2019</t>
  </si>
  <si>
    <t>Mar/2019</t>
  </si>
  <si>
    <t>Abr/2019</t>
  </si>
  <si>
    <t>Mai/2019</t>
  </si>
  <si>
    <t>Jun/2019</t>
  </si>
  <si>
    <t>Jul/2019</t>
  </si>
  <si>
    <t>Ago/2019</t>
  </si>
  <si>
    <t>Total (ùltimos 12 Meses)</t>
  </si>
  <si>
    <t>Previsão Atualizada 2019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PLANO PREVIDENCIÁRIO</t>
  </si>
  <si>
    <t>Previsão Atualizada</t>
  </si>
  <si>
    <t>Até o Bimestre 2019</t>
  </si>
  <si>
    <t>Até o Bimestre 2018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19</t>
  </si>
  <si>
    <t>2018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8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9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OUTROS AJUSTES (XXXVII)</t>
  </si>
  <si>
    <t>RESULTADO NOMINAL AJUSTADO - Abaixo da Linha (XXXVIII) = (XXXII - XXXIII - IX + XXXIV + XXXV - XXXVI + XXXVII)</t>
  </si>
  <si>
    <t>RESULTADO PRIMÁRIO - ABAIXO DA LINHA (XXXVII) =  XXXVI - (XXV - XXVI)</t>
  </si>
  <si>
    <t>RESULTADO PRIMÁRIO - Abaixo da Linha (XXXIX) =  XXXVII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8</t>
  </si>
  <si>
    <t>Até o Bimestre/  2019</t>
  </si>
  <si>
    <t>INSCRITAS EM RESTOS A PAGAR NÃO PROCESSADOS</t>
  </si>
  <si>
    <t>DESPESAS CORRENTES (XL)</t>
  </si>
  <si>
    <t xml:space="preserve"> Juros e Encargos da Dívida (XLI)</t>
  </si>
  <si>
    <t>DESPESAS PRIMÁRIAS CORRENTES (XLII) = (XL - XLI)</t>
  </si>
  <si>
    <t>Transferências Constitucionais (XLIII)</t>
  </si>
  <si>
    <t>Contribuições para o PIS/PASEP (XLIV)</t>
  </si>
  <si>
    <t>DESPESAS PRIMÁRIAS CORRENTES APURADAS CONFORME O ART. 4º DA LC 156/16 (XLV) = (XLII - XLIII - XLIV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8 (b)</t>
  </si>
  <si>
    <t>Cancelados (d)</t>
  </si>
  <si>
    <t>Saldo e=(a+b)-(c+d)</t>
  </si>
  <si>
    <t>RP Não Processado</t>
  </si>
  <si>
    <t>Inscritos em Exercícios Anteriores (f)</t>
  </si>
  <si>
    <t>Inscritos Em 31 de Dezembro de 2018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8 QUE NÃO FORAM UTILIZADOS</t>
  </si>
  <si>
    <t>22 – DESPESAS CUSTEADAS COM O SALDO DO ITEM 21 ATÉ O 1º TRIMESTRE DE 2019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OUTRAS 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19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8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 xml:space="preserve">   Divida Ativa dos Impostos</t>
  </si>
  <si>
    <t xml:space="preserve">   Multas, Juros de Mora e Outros Encargos da Dívida Ativa  </t>
  </si>
  <si>
    <t xml:space="preserve">RECEITA DE TRANSFERÊNCIAS CONSTITUCIONAIS E LEGAIS (II) 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 xml:space="preserve">   Provenientes da União</t>
  </si>
  <si>
    <t xml:space="preserve">   Provenientes de Outros Estados</t>
  </si>
  <si>
    <t xml:space="preserve">   Provenientes de Municípios</t>
  </si>
  <si>
    <t xml:space="preserve">   Outras Receitas do SUS</t>
  </si>
  <si>
    <t>TRANSFERÊNCIAS VOLUNTÁRIAS</t>
  </si>
  <si>
    <t>RECEITAS DE OPERAÇÕES DE CRÉDITO VINCULADAS À SAÚDE</t>
  </si>
  <si>
    <t>OUTRAS RECEITAS PARA FINANCIAMENTO DA SAÚDE</t>
  </si>
  <si>
    <t>TOTAL RECEITAS ADICIONAIS PARA FINANCIAMENTO DA SAÚDE</t>
  </si>
  <si>
    <t xml:space="preserve">DESPESAS COM SAÚDE (POR GRUPO DE NATUREZA DA DESPESA) </t>
  </si>
  <si>
    <t xml:space="preserve"> %  (f / e) x 100  </t>
  </si>
  <si>
    <t>%  (g / e) x 100</t>
  </si>
  <si>
    <t xml:space="preserve">   Pessoal e Encargos Sociais</t>
  </si>
  <si>
    <t xml:space="preserve">   Juros e Encargos da Dívida</t>
  </si>
  <si>
    <t xml:space="preserve">   Outras Despesas Correntes</t>
  </si>
  <si>
    <t xml:space="preserve">   Investimentos</t>
  </si>
  <si>
    <t xml:space="preserve">   Inversões Financeiras</t>
  </si>
  <si>
    <t xml:space="preserve">   Amortização da Dívida</t>
  </si>
  <si>
    <t>TOTAL DAS DESPESAS COM SAÚDE (V)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 xml:space="preserve">   Recursos de Transferência do Sistema Único de Saúde - SUS</t>
  </si>
  <si>
    <t xml:space="preserve">   Recursos de Operações de Crédito</t>
  </si>
  <si>
    <t xml:space="preserve">   Outros Recursos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9</t>
  </si>
  <si>
    <t>Inscritos em 2018</t>
  </si>
  <si>
    <t>Inscritos em 2017</t>
  </si>
  <si>
    <t>Inscritos em 2016</t>
  </si>
  <si>
    <t>Inscritos em 2015</t>
  </si>
  <si>
    <t>Inscritos em Exercícios Anteriores a Referência 2015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9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8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Exercícios Anteriores a Referência 2014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Assistência Hospitalar e Ambulatorial</t>
  </si>
  <si>
    <t>Suporte Profilático e Terapêutico</t>
  </si>
  <si>
    <t>Vigilância Sanitária</t>
  </si>
  <si>
    <t>Vigilância Epidemiológica</t>
  </si>
  <si>
    <t>Alimentação e Nutrição</t>
  </si>
  <si>
    <t>Outras Subfunções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9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Receitas - Previsão Inicial</t>
  </si>
  <si>
    <t>Receitas - Previsão Atualizada</t>
  </si>
  <si>
    <t>Déficit Orçamentário</t>
  </si>
  <si>
    <t>Saldos de Exercícios Anteriores (Utilizados para Créditos Adicionais)</t>
  </si>
  <si>
    <t>Despesas - Dotação Inicial</t>
  </si>
  <si>
    <t>Créditos Adicionais</t>
  </si>
  <si>
    <t>Despesas - Dotação Atualizada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 - Receitas Previdenciárias Realizadas</t>
  </si>
  <si>
    <t>Regime Próprio de Previdência dos Servidores - PLANO PREVIDENCIÁRIO - Despesas Previdenciárias Liquidadas</t>
  </si>
  <si>
    <t>Regime Próprio de Previdência dos Servidores - PLANO PREVIDENCIÁRIO - Resultado Previdenciário</t>
  </si>
  <si>
    <t>Regime Próprio de Previdência dos Servidores - PLANO FINANCEIRO - Receitas Previdenciárias Realizadas</t>
  </si>
  <si>
    <t>Regime Próprio de Previdência dos Servidores - PLANO FINANCEIRO - Despesas Previdenciárias Liquidadas</t>
  </si>
  <si>
    <t>Regime Próprio de Previdência dos Servidores - PLANO FINANCEIRO - Resultado Previdenciári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 - Receitas Previdenciárias</t>
  </si>
  <si>
    <t>Plano Previdenciário - Despesas Previdenciárias</t>
  </si>
  <si>
    <t>Plano Previdenciário - Resultado Previdenciário</t>
  </si>
  <si>
    <t>Plano Financeiro - Receitas Previdenciárias</t>
  </si>
  <si>
    <t>Plano Financeiro - Despesas Previdenciárias</t>
  </si>
  <si>
    <t>Plano Financeiro - Resultado Previdenciári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abSelected="1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19.140625" bestFit="1" customWidth="1"/>
    <col min="8" max="8" width="19" bestFit="1" customWidth="1"/>
    <col min="9" max="9" width="19.140625" bestFit="1" customWidth="1"/>
    <col min="10" max="11" width="19" bestFit="1" customWidth="1"/>
  </cols>
  <sheetData>
    <row r="3" spans="1:11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</row>
    <row r="4" spans="1:11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</row>
    <row r="5" spans="1:11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</row>
    <row r="6" spans="1:11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</row>
    <row r="9" spans="1:11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</row>
    <row r="10" spans="1:11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1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1" x14ac:dyDescent="0.25">
      <c r="A12" s="3" t="s">
        <v>17</v>
      </c>
      <c r="B12" s="5" t="s">
        <v>18</v>
      </c>
      <c r="C12" s="11">
        <v>13664139500</v>
      </c>
      <c r="D12" s="11">
        <v>13840319763</v>
      </c>
      <c r="E12" s="11">
        <v>2103782160.4100001</v>
      </c>
      <c r="F12" s="11">
        <v>15.2</v>
      </c>
      <c r="G12" s="11">
        <v>8370607621.2799997</v>
      </c>
      <c r="H12" s="11">
        <v>60.48</v>
      </c>
      <c r="I12" s="11">
        <v>5469712141.7200003</v>
      </c>
    </row>
    <row r="13" spans="1:11" x14ac:dyDescent="0.25">
      <c r="A13" s="3" t="s">
        <v>19</v>
      </c>
      <c r="B13" s="5" t="s">
        <v>20</v>
      </c>
      <c r="C13" s="11">
        <v>12001659400</v>
      </c>
      <c r="D13" s="11">
        <v>12139360100</v>
      </c>
      <c r="E13" s="11">
        <v>1939166356.99</v>
      </c>
      <c r="F13" s="11">
        <v>15.97</v>
      </c>
      <c r="G13" s="11">
        <v>7827443999.5799999</v>
      </c>
      <c r="H13" s="11">
        <v>64.48</v>
      </c>
      <c r="I13" s="11">
        <v>4311916100.4200001</v>
      </c>
    </row>
    <row r="14" spans="1:11" x14ac:dyDescent="0.25">
      <c r="A14" s="3" t="s">
        <v>21</v>
      </c>
      <c r="B14" s="5" t="s">
        <v>22</v>
      </c>
      <c r="C14" s="11">
        <v>6961222000</v>
      </c>
      <c r="D14" s="11">
        <v>6961222000</v>
      </c>
      <c r="E14" s="11">
        <v>1115954092.27</v>
      </c>
      <c r="F14" s="11">
        <v>16.03</v>
      </c>
      <c r="G14" s="11">
        <v>4615491003.2299995</v>
      </c>
      <c r="H14" s="11">
        <v>66.3</v>
      </c>
      <c r="I14" s="11">
        <v>2345730996.77</v>
      </c>
    </row>
    <row r="15" spans="1:11" x14ac:dyDescent="0.25">
      <c r="A15" s="2" t="s">
        <v>23</v>
      </c>
      <c r="B15" s="4" t="s">
        <v>24</v>
      </c>
      <c r="C15" s="12">
        <v>6699048900</v>
      </c>
      <c r="D15" s="12">
        <v>6699048900</v>
      </c>
      <c r="E15" s="12">
        <v>1067604113.24</v>
      </c>
      <c r="F15" s="12">
        <v>15.94</v>
      </c>
      <c r="G15" s="12">
        <v>4449179630.3800001</v>
      </c>
      <c r="H15" s="12">
        <v>66.42</v>
      </c>
      <c r="I15" s="12">
        <v>2249869269.6199999</v>
      </c>
    </row>
    <row r="16" spans="1:11" x14ac:dyDescent="0.25">
      <c r="A16" s="2" t="s">
        <v>25</v>
      </c>
      <c r="B16" s="4" t="s">
        <v>26</v>
      </c>
      <c r="C16" s="12">
        <v>262173100</v>
      </c>
      <c r="D16" s="12">
        <v>262173100</v>
      </c>
      <c r="E16" s="12">
        <v>48349979.030000001</v>
      </c>
      <c r="F16" s="12">
        <v>18.440000000000001</v>
      </c>
      <c r="G16" s="12">
        <v>166311372.84999999</v>
      </c>
      <c r="H16" s="12">
        <v>63.44</v>
      </c>
      <c r="I16" s="12">
        <v>95861727.150000006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30</v>
      </c>
      <c r="C18" s="11">
        <v>675109000</v>
      </c>
      <c r="D18" s="11">
        <v>740843000</v>
      </c>
      <c r="E18" s="11">
        <v>109589670.72</v>
      </c>
      <c r="F18" s="11">
        <v>14.79</v>
      </c>
      <c r="G18" s="11">
        <v>393910934.50999999</v>
      </c>
      <c r="H18" s="11">
        <v>53.17</v>
      </c>
      <c r="I18" s="11">
        <v>346932065.49000001</v>
      </c>
    </row>
    <row r="19" spans="1:9" x14ac:dyDescent="0.25">
      <c r="A19" s="2" t="s">
        <v>31</v>
      </c>
      <c r="B19" s="4" t="s">
        <v>32</v>
      </c>
      <c r="C19" s="12">
        <v>675109000</v>
      </c>
      <c r="D19" s="12">
        <v>740843000</v>
      </c>
      <c r="E19" s="12">
        <v>109589670.72</v>
      </c>
      <c r="F19" s="12">
        <v>14.79</v>
      </c>
      <c r="G19" s="12">
        <v>393910934.50999999</v>
      </c>
      <c r="H19" s="12">
        <v>53.17</v>
      </c>
      <c r="I19" s="12">
        <v>346932065.49000001</v>
      </c>
    </row>
    <row r="20" spans="1:9" x14ac:dyDescent="0.25">
      <c r="A20" s="2" t="s">
        <v>33</v>
      </c>
      <c r="B20" s="4" t="s">
        <v>3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5</v>
      </c>
      <c r="B21" s="4" t="s">
        <v>36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7</v>
      </c>
      <c r="B22" s="4" t="s">
        <v>3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9</v>
      </c>
      <c r="B23" s="5" t="s">
        <v>40</v>
      </c>
      <c r="C23" s="11">
        <v>111402500</v>
      </c>
      <c r="D23" s="11">
        <v>111402500</v>
      </c>
      <c r="E23" s="11">
        <v>20359998.210000001</v>
      </c>
      <c r="F23" s="11">
        <v>18.28</v>
      </c>
      <c r="G23" s="11">
        <v>76231277.349999994</v>
      </c>
      <c r="H23" s="11">
        <v>68.430000000000007</v>
      </c>
      <c r="I23" s="11">
        <v>35171222.649999999</v>
      </c>
    </row>
    <row r="24" spans="1:9" x14ac:dyDescent="0.25">
      <c r="A24" s="2" t="s">
        <v>41</v>
      </c>
      <c r="B24" s="4" t="s">
        <v>42</v>
      </c>
      <c r="C24" s="12">
        <v>1773200</v>
      </c>
      <c r="D24" s="12">
        <v>1773200</v>
      </c>
      <c r="E24" s="12">
        <v>256493.28</v>
      </c>
      <c r="F24" s="12">
        <v>14.46</v>
      </c>
      <c r="G24" s="12">
        <v>1295984.5</v>
      </c>
      <c r="H24" s="12">
        <v>73.09</v>
      </c>
      <c r="I24" s="12">
        <v>477215.5</v>
      </c>
    </row>
    <row r="25" spans="1:9" x14ac:dyDescent="0.25">
      <c r="A25" s="2" t="s">
        <v>43</v>
      </c>
      <c r="B25" s="4" t="s">
        <v>44</v>
      </c>
      <c r="C25" s="12">
        <v>68379300</v>
      </c>
      <c r="D25" s="12">
        <v>68379300</v>
      </c>
      <c r="E25" s="12">
        <v>11475129.689999999</v>
      </c>
      <c r="F25" s="12">
        <v>16.78</v>
      </c>
      <c r="G25" s="12">
        <v>45051665.670000002</v>
      </c>
      <c r="H25" s="12">
        <v>65.88</v>
      </c>
      <c r="I25" s="12">
        <v>23327634.329999998</v>
      </c>
    </row>
    <row r="26" spans="1:9" x14ac:dyDescent="0.25">
      <c r="A26" s="2" t="s">
        <v>45</v>
      </c>
      <c r="B26" s="4" t="s">
        <v>46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7" spans="1:9" x14ac:dyDescent="0.25">
      <c r="A27" s="2" t="s">
        <v>47</v>
      </c>
      <c r="B27" s="4" t="s">
        <v>48</v>
      </c>
      <c r="C27" s="12">
        <v>25200000</v>
      </c>
      <c r="D27" s="12">
        <v>25200000</v>
      </c>
      <c r="E27" s="12">
        <v>6730225.8700000001</v>
      </c>
      <c r="F27" s="12">
        <v>26.71</v>
      </c>
      <c r="G27" s="12">
        <v>21663705.609999999</v>
      </c>
      <c r="H27" s="12">
        <v>85.97</v>
      </c>
      <c r="I27" s="12">
        <v>3536294.39</v>
      </c>
    </row>
    <row r="28" spans="1:9" x14ac:dyDescent="0.25">
      <c r="A28" s="2" t="s">
        <v>49</v>
      </c>
      <c r="B28" s="4" t="s">
        <v>5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52</v>
      </c>
      <c r="C29" s="12">
        <v>16050000</v>
      </c>
      <c r="D29" s="12">
        <v>16050000</v>
      </c>
      <c r="E29" s="12">
        <v>1898149.37</v>
      </c>
      <c r="F29" s="12">
        <v>11.83</v>
      </c>
      <c r="G29" s="12">
        <v>8219921.5700000003</v>
      </c>
      <c r="H29" s="12">
        <v>51.21</v>
      </c>
      <c r="I29" s="12">
        <v>7830078.4299999997</v>
      </c>
    </row>
    <row r="30" spans="1:9" x14ac:dyDescent="0.25">
      <c r="A30" s="2" t="s">
        <v>53</v>
      </c>
      <c r="B30" s="4" t="s">
        <v>54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5</v>
      </c>
      <c r="B31" s="4" t="s">
        <v>5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5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60</v>
      </c>
      <c r="C33" s="11">
        <v>745662900</v>
      </c>
      <c r="D33" s="11">
        <v>806963600</v>
      </c>
      <c r="E33" s="11">
        <v>174038104.16999999</v>
      </c>
      <c r="F33" s="11">
        <v>21.57</v>
      </c>
      <c r="G33" s="11">
        <v>559349398.72000003</v>
      </c>
      <c r="H33" s="11">
        <v>69.319999999999993</v>
      </c>
      <c r="I33" s="11">
        <v>247614201.28</v>
      </c>
    </row>
    <row r="34" spans="1:9" x14ac:dyDescent="0.25">
      <c r="A34" s="2" t="s">
        <v>61</v>
      </c>
      <c r="B34" s="4" t="s">
        <v>62</v>
      </c>
      <c r="C34" s="12">
        <v>670450900</v>
      </c>
      <c r="D34" s="12">
        <v>731751600</v>
      </c>
      <c r="E34" s="12">
        <v>162156389.96000001</v>
      </c>
      <c r="F34" s="12">
        <v>22.16</v>
      </c>
      <c r="G34" s="12">
        <v>513750056.47000003</v>
      </c>
      <c r="H34" s="12">
        <v>70.209999999999994</v>
      </c>
      <c r="I34" s="12">
        <v>218001543.53</v>
      </c>
    </row>
    <row r="35" spans="1:9" x14ac:dyDescent="0.25">
      <c r="A35" s="2" t="s">
        <v>63</v>
      </c>
      <c r="B35" s="4" t="s">
        <v>64</v>
      </c>
      <c r="C35" s="12">
        <v>2283000</v>
      </c>
      <c r="D35" s="12">
        <v>2283000</v>
      </c>
      <c r="E35" s="12">
        <v>245258.81</v>
      </c>
      <c r="F35" s="12">
        <v>10.74</v>
      </c>
      <c r="G35" s="12">
        <v>1034981.77</v>
      </c>
      <c r="H35" s="12">
        <v>45.33</v>
      </c>
      <c r="I35" s="12">
        <v>1248018.23</v>
      </c>
    </row>
    <row r="36" spans="1:9" x14ac:dyDescent="0.25">
      <c r="A36" s="2" t="s">
        <v>65</v>
      </c>
      <c r="B36" s="4" t="s">
        <v>66</v>
      </c>
      <c r="C36" s="12">
        <v>64580000</v>
      </c>
      <c r="D36" s="12">
        <v>64580000</v>
      </c>
      <c r="E36" s="12">
        <v>9895335.3300000001</v>
      </c>
      <c r="F36" s="12">
        <v>15.32</v>
      </c>
      <c r="G36" s="12">
        <v>38822200.640000001</v>
      </c>
      <c r="H36" s="12">
        <v>60.11</v>
      </c>
      <c r="I36" s="12">
        <v>25757799.359999999</v>
      </c>
    </row>
    <row r="37" spans="1:9" x14ac:dyDescent="0.25">
      <c r="A37" s="2" t="s">
        <v>67</v>
      </c>
      <c r="B37" s="4" t="s">
        <v>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9</v>
      </c>
      <c r="B38" s="4" t="s">
        <v>70</v>
      </c>
      <c r="C38" s="12">
        <v>8349000</v>
      </c>
      <c r="D38" s="12">
        <v>8349000</v>
      </c>
      <c r="E38" s="12">
        <v>1741120.07</v>
      </c>
      <c r="F38" s="12">
        <v>20.85</v>
      </c>
      <c r="G38" s="12">
        <v>5742159.8399999999</v>
      </c>
      <c r="H38" s="12">
        <v>68.78</v>
      </c>
      <c r="I38" s="12">
        <v>2606840.16</v>
      </c>
    </row>
    <row r="39" spans="1:9" x14ac:dyDescent="0.25">
      <c r="A39" s="3" t="s">
        <v>71</v>
      </c>
      <c r="B39" s="5" t="s">
        <v>72</v>
      </c>
      <c r="C39" s="11">
        <v>3449217100</v>
      </c>
      <c r="D39" s="11">
        <v>3459683100</v>
      </c>
      <c r="E39" s="11">
        <v>499989763.50999999</v>
      </c>
      <c r="F39" s="11">
        <v>14.45</v>
      </c>
      <c r="G39" s="11">
        <v>2123688512.99</v>
      </c>
      <c r="H39" s="11">
        <v>61.38</v>
      </c>
      <c r="I39" s="11">
        <v>1335994587.01</v>
      </c>
    </row>
    <row r="40" spans="1:9" x14ac:dyDescent="0.25">
      <c r="A40" s="2" t="s">
        <v>73</v>
      </c>
      <c r="B40" s="4" t="s">
        <v>74</v>
      </c>
      <c r="C40" s="12">
        <v>1559016200</v>
      </c>
      <c r="D40" s="12">
        <v>1569016200</v>
      </c>
      <c r="E40" s="12">
        <v>209986719.81</v>
      </c>
      <c r="F40" s="12">
        <v>13.38</v>
      </c>
      <c r="G40" s="12">
        <v>933926021.34000003</v>
      </c>
      <c r="H40" s="12">
        <v>59.52</v>
      </c>
      <c r="I40" s="12">
        <v>635090178.65999997</v>
      </c>
    </row>
    <row r="41" spans="1:9" x14ac:dyDescent="0.25">
      <c r="A41" s="2" t="s">
        <v>75</v>
      </c>
      <c r="B41" s="4" t="s">
        <v>76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7</v>
      </c>
      <c r="B42" s="4" t="s">
        <v>78</v>
      </c>
      <c r="C42" s="12">
        <v>386600</v>
      </c>
      <c r="D42" s="12">
        <v>406600</v>
      </c>
      <c r="E42" s="12">
        <v>263298.2</v>
      </c>
      <c r="F42" s="12">
        <v>64.760000000000005</v>
      </c>
      <c r="G42" s="12">
        <v>2745087.47</v>
      </c>
      <c r="H42" s="12">
        <v>675.13</v>
      </c>
      <c r="I42" s="12">
        <v>-2338487.4700000002</v>
      </c>
    </row>
    <row r="43" spans="1:9" x14ac:dyDescent="0.25">
      <c r="A43" s="2" t="s">
        <v>79</v>
      </c>
      <c r="B43" s="4" t="s">
        <v>80</v>
      </c>
      <c r="C43" s="12">
        <v>731302900</v>
      </c>
      <c r="D43" s="12">
        <v>731748900</v>
      </c>
      <c r="E43" s="12">
        <v>112486506.23</v>
      </c>
      <c r="F43" s="12">
        <v>15.37</v>
      </c>
      <c r="G43" s="12">
        <v>452898091.38</v>
      </c>
      <c r="H43" s="12">
        <v>61.89</v>
      </c>
      <c r="I43" s="12">
        <v>278850808.62</v>
      </c>
    </row>
    <row r="44" spans="1:9" x14ac:dyDescent="0.25">
      <c r="A44" s="2" t="s">
        <v>81</v>
      </c>
      <c r="B44" s="4" t="s">
        <v>82</v>
      </c>
      <c r="C44" s="12">
        <v>1153811400</v>
      </c>
      <c r="D44" s="12">
        <v>1153811400</v>
      </c>
      <c r="E44" s="12">
        <v>177253239.27000001</v>
      </c>
      <c r="F44" s="12">
        <v>15.36</v>
      </c>
      <c r="G44" s="12">
        <v>734115937.65999997</v>
      </c>
      <c r="H44" s="12">
        <v>63.63</v>
      </c>
      <c r="I44" s="12">
        <v>419695462.33999997</v>
      </c>
    </row>
    <row r="45" spans="1:9" x14ac:dyDescent="0.25">
      <c r="A45" s="2" t="s">
        <v>83</v>
      </c>
      <c r="B45" s="4" t="s">
        <v>84</v>
      </c>
      <c r="C45" s="12">
        <v>4000000</v>
      </c>
      <c r="D45" s="12">
        <v>4000000</v>
      </c>
      <c r="E45" s="12">
        <v>0</v>
      </c>
      <c r="F45" s="12">
        <v>0</v>
      </c>
      <c r="G45" s="12">
        <v>3375.14</v>
      </c>
      <c r="H45" s="12">
        <v>0.08</v>
      </c>
      <c r="I45" s="12">
        <v>3996624.86</v>
      </c>
    </row>
    <row r="46" spans="1:9" x14ac:dyDescent="0.25">
      <c r="A46" s="2" t="s">
        <v>85</v>
      </c>
      <c r="B46" s="4" t="s">
        <v>86</v>
      </c>
      <c r="C46" s="12">
        <v>700000</v>
      </c>
      <c r="D46" s="12">
        <v>700000</v>
      </c>
      <c r="E46" s="12">
        <v>0</v>
      </c>
      <c r="F46" s="12">
        <v>0</v>
      </c>
      <c r="G46" s="12">
        <v>0</v>
      </c>
      <c r="H46" s="12">
        <v>0</v>
      </c>
      <c r="I46" s="12">
        <v>700000</v>
      </c>
    </row>
    <row r="47" spans="1:9" x14ac:dyDescent="0.25">
      <c r="A47" s="2" t="s">
        <v>87</v>
      </c>
      <c r="B47" s="4" t="s">
        <v>88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89</v>
      </c>
      <c r="B48" s="5" t="s">
        <v>90</v>
      </c>
      <c r="C48" s="11">
        <v>59045900</v>
      </c>
      <c r="D48" s="11">
        <v>59245900</v>
      </c>
      <c r="E48" s="11">
        <v>19234728.109999999</v>
      </c>
      <c r="F48" s="11">
        <v>32.47</v>
      </c>
      <c r="G48" s="11">
        <v>58772872.780000001</v>
      </c>
      <c r="H48" s="11">
        <v>99.2</v>
      </c>
      <c r="I48" s="11">
        <v>473027.22</v>
      </c>
    </row>
    <row r="49" spans="1:9" x14ac:dyDescent="0.25">
      <c r="A49" s="2" t="s">
        <v>91</v>
      </c>
      <c r="B49" s="4" t="s">
        <v>92</v>
      </c>
      <c r="C49" s="12">
        <v>39014300</v>
      </c>
      <c r="D49" s="12">
        <v>39014300</v>
      </c>
      <c r="E49" s="12">
        <v>9124322.8300000001</v>
      </c>
      <c r="F49" s="12">
        <v>23.39</v>
      </c>
      <c r="G49" s="12">
        <v>29543950.460000001</v>
      </c>
      <c r="H49" s="12">
        <v>75.73</v>
      </c>
      <c r="I49" s="12">
        <v>9470349.5399999991</v>
      </c>
    </row>
    <row r="50" spans="1:9" x14ac:dyDescent="0.25">
      <c r="A50" s="2" t="s">
        <v>93</v>
      </c>
      <c r="B50" s="4" t="s">
        <v>94</v>
      </c>
      <c r="C50" s="12">
        <v>16202300</v>
      </c>
      <c r="D50" s="12">
        <v>16202300</v>
      </c>
      <c r="E50" s="12">
        <v>7575103.1600000001</v>
      </c>
      <c r="F50" s="12">
        <v>46.75</v>
      </c>
      <c r="G50" s="12">
        <v>19123529.329999998</v>
      </c>
      <c r="H50" s="12">
        <v>118.03</v>
      </c>
      <c r="I50" s="12">
        <v>-2921229.33</v>
      </c>
    </row>
    <row r="51" spans="1:9" x14ac:dyDescent="0.25">
      <c r="A51" s="2" t="s">
        <v>95</v>
      </c>
      <c r="B51" s="4" t="s">
        <v>96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7</v>
      </c>
      <c r="B52" s="4" t="s">
        <v>98</v>
      </c>
      <c r="C52" s="12">
        <v>3829300</v>
      </c>
      <c r="D52" s="12">
        <v>4029300</v>
      </c>
      <c r="E52" s="12">
        <v>2535302.12</v>
      </c>
      <c r="F52" s="12">
        <v>62.92</v>
      </c>
      <c r="G52" s="12">
        <v>10105392.99</v>
      </c>
      <c r="H52" s="12">
        <v>250.8</v>
      </c>
      <c r="I52" s="12">
        <v>-6076092.9900000002</v>
      </c>
    </row>
    <row r="53" spans="1:9" x14ac:dyDescent="0.25">
      <c r="A53" s="3" t="s">
        <v>99</v>
      </c>
      <c r="B53" s="5" t="s">
        <v>100</v>
      </c>
      <c r="C53" s="11">
        <v>1662480100</v>
      </c>
      <c r="D53" s="11">
        <v>1700959663</v>
      </c>
      <c r="E53" s="11">
        <v>164615803.41999999</v>
      </c>
      <c r="F53" s="11">
        <v>9.68</v>
      </c>
      <c r="G53" s="11">
        <v>543163621.70000005</v>
      </c>
      <c r="H53" s="11">
        <v>31.93</v>
      </c>
      <c r="I53" s="11">
        <v>1157796041.3</v>
      </c>
    </row>
    <row r="54" spans="1:9" x14ac:dyDescent="0.25">
      <c r="A54" s="3" t="s">
        <v>101</v>
      </c>
      <c r="B54" s="5" t="s">
        <v>102</v>
      </c>
      <c r="C54" s="11">
        <v>23453900</v>
      </c>
      <c r="D54" s="11">
        <v>55793379</v>
      </c>
      <c r="E54" s="11">
        <v>11562423.890000001</v>
      </c>
      <c r="F54" s="11">
        <v>20.72</v>
      </c>
      <c r="G54" s="11">
        <v>11562423.890000001</v>
      </c>
      <c r="H54" s="11">
        <v>20.72</v>
      </c>
      <c r="I54" s="11">
        <v>44230955.109999999</v>
      </c>
    </row>
    <row r="55" spans="1:9" x14ac:dyDescent="0.25">
      <c r="A55" s="2" t="s">
        <v>103</v>
      </c>
      <c r="B55" s="4" t="s">
        <v>104</v>
      </c>
      <c r="C55" s="12">
        <v>10788200</v>
      </c>
      <c r="D55" s="12">
        <v>43127679</v>
      </c>
      <c r="E55" s="12">
        <v>11562423.890000001</v>
      </c>
      <c r="F55" s="12">
        <v>26.81</v>
      </c>
      <c r="G55" s="12">
        <v>11562423.890000001</v>
      </c>
      <c r="H55" s="12">
        <v>26.81</v>
      </c>
      <c r="I55" s="12">
        <v>31565255.109999999</v>
      </c>
    </row>
    <row r="56" spans="1:9" x14ac:dyDescent="0.25">
      <c r="A56" s="2" t="s">
        <v>105</v>
      </c>
      <c r="B56" s="4" t="s">
        <v>106</v>
      </c>
      <c r="C56" s="12">
        <v>12665700</v>
      </c>
      <c r="D56" s="12">
        <v>12665700</v>
      </c>
      <c r="E56" s="12">
        <v>0</v>
      </c>
      <c r="F56" s="12">
        <v>0</v>
      </c>
      <c r="G56" s="12">
        <v>0</v>
      </c>
      <c r="H56" s="12">
        <v>0</v>
      </c>
      <c r="I56" s="12">
        <v>12665700</v>
      </c>
    </row>
    <row r="57" spans="1:9" x14ac:dyDescent="0.25">
      <c r="A57" s="3" t="s">
        <v>107</v>
      </c>
      <c r="B57" s="5" t="s">
        <v>108</v>
      </c>
      <c r="C57" s="11">
        <v>5151000</v>
      </c>
      <c r="D57" s="11">
        <v>5412900</v>
      </c>
      <c r="E57" s="11">
        <v>0</v>
      </c>
      <c r="F57" s="11">
        <v>0</v>
      </c>
      <c r="G57" s="11">
        <v>1235065.44</v>
      </c>
      <c r="H57" s="11">
        <v>22.82</v>
      </c>
      <c r="I57" s="11">
        <v>4177834.56</v>
      </c>
    </row>
    <row r="58" spans="1:9" x14ac:dyDescent="0.25">
      <c r="A58" s="2" t="s">
        <v>109</v>
      </c>
      <c r="B58" s="4" t="s">
        <v>110</v>
      </c>
      <c r="C58" s="12">
        <v>1343600</v>
      </c>
      <c r="D58" s="12">
        <v>1605500</v>
      </c>
      <c r="E58" s="12">
        <v>0</v>
      </c>
      <c r="F58" s="12">
        <v>0</v>
      </c>
      <c r="G58" s="12">
        <v>424600</v>
      </c>
      <c r="H58" s="12">
        <v>26.45</v>
      </c>
      <c r="I58" s="12">
        <v>1180900</v>
      </c>
    </row>
    <row r="59" spans="1:9" x14ac:dyDescent="0.25">
      <c r="A59" s="2" t="s">
        <v>111</v>
      </c>
      <c r="B59" s="4" t="s">
        <v>112</v>
      </c>
      <c r="C59" s="12">
        <v>3807400</v>
      </c>
      <c r="D59" s="12">
        <v>3807400</v>
      </c>
      <c r="E59" s="12">
        <v>0</v>
      </c>
      <c r="F59" s="12">
        <v>0</v>
      </c>
      <c r="G59" s="12">
        <v>810465.44</v>
      </c>
      <c r="H59" s="12">
        <v>21.29</v>
      </c>
      <c r="I59" s="12">
        <v>2996934.56</v>
      </c>
    </row>
    <row r="60" spans="1:9" x14ac:dyDescent="0.25">
      <c r="A60" s="2" t="s">
        <v>113</v>
      </c>
      <c r="B60" s="4" t="s">
        <v>114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5</v>
      </c>
      <c r="B61" s="4" t="s">
        <v>116</v>
      </c>
      <c r="C61" s="12">
        <v>5209900</v>
      </c>
      <c r="D61" s="12">
        <v>5209900</v>
      </c>
      <c r="E61" s="12">
        <v>1621843.3</v>
      </c>
      <c r="F61" s="12">
        <v>31.13</v>
      </c>
      <c r="G61" s="12">
        <v>5811828.8399999999</v>
      </c>
      <c r="H61" s="12">
        <v>111.55</v>
      </c>
      <c r="I61" s="12">
        <v>-601928.84</v>
      </c>
    </row>
    <row r="62" spans="1:9" x14ac:dyDescent="0.25">
      <c r="A62" s="3" t="s">
        <v>117</v>
      </c>
      <c r="B62" s="5" t="s">
        <v>118</v>
      </c>
      <c r="C62" s="11">
        <v>1008447800</v>
      </c>
      <c r="D62" s="11">
        <v>1014325984</v>
      </c>
      <c r="E62" s="11">
        <v>151431536.22999999</v>
      </c>
      <c r="F62" s="11">
        <v>14.93</v>
      </c>
      <c r="G62" s="11">
        <v>524554303.52999997</v>
      </c>
      <c r="H62" s="11">
        <v>51.71</v>
      </c>
      <c r="I62" s="11">
        <v>489771680.47000003</v>
      </c>
    </row>
    <row r="63" spans="1:9" x14ac:dyDescent="0.25">
      <c r="A63" s="2" t="s">
        <v>119</v>
      </c>
      <c r="B63" s="4" t="s">
        <v>74</v>
      </c>
      <c r="C63" s="12">
        <v>362988600</v>
      </c>
      <c r="D63" s="12">
        <v>368866784</v>
      </c>
      <c r="E63" s="12">
        <v>11274702.16</v>
      </c>
      <c r="F63" s="12">
        <v>3.06</v>
      </c>
      <c r="G63" s="12">
        <v>39357840.020000003</v>
      </c>
      <c r="H63" s="12">
        <v>10.67</v>
      </c>
      <c r="I63" s="12">
        <v>329508943.98000002</v>
      </c>
    </row>
    <row r="64" spans="1:9" x14ac:dyDescent="0.25">
      <c r="A64" s="2" t="s">
        <v>120</v>
      </c>
      <c r="B64" s="4" t="s">
        <v>76</v>
      </c>
      <c r="C64" s="12">
        <v>1285600</v>
      </c>
      <c r="D64" s="12">
        <v>1285600</v>
      </c>
      <c r="E64" s="12">
        <v>4462049.5599999996</v>
      </c>
      <c r="F64" s="12">
        <v>347.08</v>
      </c>
      <c r="G64" s="12">
        <v>10523238.09</v>
      </c>
      <c r="H64" s="12">
        <v>818.55</v>
      </c>
      <c r="I64" s="12">
        <v>-9237638.0899999999</v>
      </c>
    </row>
    <row r="65" spans="1:9" x14ac:dyDescent="0.25">
      <c r="A65" s="2" t="s">
        <v>121</v>
      </c>
      <c r="B65" s="4" t="s">
        <v>78</v>
      </c>
      <c r="C65" s="12">
        <v>8000</v>
      </c>
      <c r="D65" s="12">
        <v>8000</v>
      </c>
      <c r="E65" s="12">
        <v>0</v>
      </c>
      <c r="F65" s="12">
        <v>0</v>
      </c>
      <c r="G65" s="12">
        <v>0</v>
      </c>
      <c r="H65" s="12">
        <v>0</v>
      </c>
      <c r="I65" s="12">
        <v>8000</v>
      </c>
    </row>
    <row r="66" spans="1:9" x14ac:dyDescent="0.25">
      <c r="A66" s="2" t="s">
        <v>122</v>
      </c>
      <c r="B66" s="4" t="s">
        <v>80</v>
      </c>
      <c r="C66" s="12">
        <v>642644900</v>
      </c>
      <c r="D66" s="12">
        <v>642644900</v>
      </c>
      <c r="E66" s="12">
        <v>135694784.50999999</v>
      </c>
      <c r="F66" s="12">
        <v>21.12</v>
      </c>
      <c r="G66" s="12">
        <v>474673225.42000002</v>
      </c>
      <c r="H66" s="12">
        <v>73.86</v>
      </c>
      <c r="I66" s="12">
        <v>167971674.58000001</v>
      </c>
    </row>
    <row r="67" spans="1:9" x14ac:dyDescent="0.25">
      <c r="A67" s="2" t="s">
        <v>123</v>
      </c>
      <c r="B67" s="4" t="s">
        <v>8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4</v>
      </c>
      <c r="B68" s="4" t="s">
        <v>84</v>
      </c>
      <c r="C68" s="12">
        <v>1000000</v>
      </c>
      <c r="D68" s="12">
        <v>1000000</v>
      </c>
      <c r="E68" s="12">
        <v>0</v>
      </c>
      <c r="F68" s="12">
        <v>0</v>
      </c>
      <c r="G68" s="12">
        <v>0</v>
      </c>
      <c r="H68" s="12">
        <v>0</v>
      </c>
      <c r="I68" s="12">
        <v>1000000</v>
      </c>
    </row>
    <row r="69" spans="1:9" x14ac:dyDescent="0.25">
      <c r="A69" s="2" t="s">
        <v>125</v>
      </c>
      <c r="B69" s="4" t="s">
        <v>86</v>
      </c>
      <c r="C69" s="12">
        <v>520700</v>
      </c>
      <c r="D69" s="12">
        <v>520700</v>
      </c>
      <c r="E69" s="12">
        <v>0</v>
      </c>
      <c r="F69" s="12">
        <v>0</v>
      </c>
      <c r="G69" s="12">
        <v>0</v>
      </c>
      <c r="H69" s="12">
        <v>0</v>
      </c>
      <c r="I69" s="12">
        <v>520700</v>
      </c>
    </row>
    <row r="70" spans="1:9" x14ac:dyDescent="0.25">
      <c r="A70" s="2" t="s">
        <v>126</v>
      </c>
      <c r="B70" s="4" t="s">
        <v>88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7</v>
      </c>
      <c r="B71" s="5" t="s">
        <v>128</v>
      </c>
      <c r="C71" s="11">
        <v>620217500</v>
      </c>
      <c r="D71" s="11">
        <v>620217500</v>
      </c>
      <c r="E71" s="11">
        <v>0</v>
      </c>
      <c r="F71" s="11">
        <v>0</v>
      </c>
      <c r="G71" s="11">
        <v>0</v>
      </c>
      <c r="H71" s="11">
        <v>0</v>
      </c>
      <c r="I71" s="11">
        <v>620217500</v>
      </c>
    </row>
    <row r="72" spans="1:9" x14ac:dyDescent="0.25">
      <c r="A72" s="2" t="s">
        <v>129</v>
      </c>
      <c r="B72" s="4" t="s">
        <v>130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1</v>
      </c>
      <c r="B73" s="4" t="s">
        <v>132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3</v>
      </c>
      <c r="B74" s="4" t="s">
        <v>134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5</v>
      </c>
      <c r="B75" s="4" t="s">
        <v>136</v>
      </c>
      <c r="C75" s="12">
        <v>620217500</v>
      </c>
      <c r="D75" s="12">
        <v>620217500</v>
      </c>
      <c r="E75" s="12">
        <v>0</v>
      </c>
      <c r="F75" s="12">
        <v>0</v>
      </c>
      <c r="G75" s="12">
        <v>0</v>
      </c>
      <c r="H75" s="12">
        <v>0</v>
      </c>
      <c r="I75" s="12">
        <v>620217500</v>
      </c>
    </row>
    <row r="76" spans="1:9" x14ac:dyDescent="0.25">
      <c r="A76" s="2" t="s">
        <v>137</v>
      </c>
      <c r="B76" s="4" t="s">
        <v>138</v>
      </c>
      <c r="C76" s="12">
        <v>1383860500</v>
      </c>
      <c r="D76" s="12">
        <v>1956056500</v>
      </c>
      <c r="E76" s="12">
        <v>337799001.97000003</v>
      </c>
      <c r="F76" s="12">
        <v>17.27</v>
      </c>
      <c r="G76" s="12">
        <v>1372741712.26</v>
      </c>
      <c r="H76" s="12">
        <v>70.180000000000007</v>
      </c>
      <c r="I76" s="12">
        <v>583314787.74000001</v>
      </c>
    </row>
    <row r="77" spans="1:9" x14ac:dyDescent="0.25">
      <c r="A77" s="3" t="s">
        <v>139</v>
      </c>
      <c r="B77" s="5" t="s">
        <v>140</v>
      </c>
      <c r="C77" s="11">
        <v>15048000000</v>
      </c>
      <c r="D77" s="11">
        <v>15796376263</v>
      </c>
      <c r="E77" s="11">
        <v>2441581162.3800001</v>
      </c>
      <c r="F77" s="11">
        <v>15.46</v>
      </c>
      <c r="G77" s="11">
        <v>9743349333.5400009</v>
      </c>
      <c r="H77" s="11">
        <v>61.68</v>
      </c>
      <c r="I77" s="11">
        <v>6053026929.46</v>
      </c>
    </row>
    <row r="78" spans="1:9" x14ac:dyDescent="0.25">
      <c r="A78" s="3" t="s">
        <v>141</v>
      </c>
      <c r="B78" s="5" t="s">
        <v>142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3</v>
      </c>
      <c r="B79" s="5" t="s">
        <v>144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5</v>
      </c>
      <c r="B80" s="4" t="s">
        <v>146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1" x14ac:dyDescent="0.25">
      <c r="A81" s="2" t="s">
        <v>147</v>
      </c>
      <c r="B81" s="4" t="s">
        <v>148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1" x14ac:dyDescent="0.25">
      <c r="A82" s="3" t="s">
        <v>149</v>
      </c>
      <c r="B82" s="5" t="s">
        <v>150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1" x14ac:dyDescent="0.25">
      <c r="A83" s="2" t="s">
        <v>151</v>
      </c>
      <c r="B83" s="4" t="s">
        <v>146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1" x14ac:dyDescent="0.25">
      <c r="A84" s="2" t="s">
        <v>152</v>
      </c>
      <c r="B84" s="4" t="s">
        <v>148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1" x14ac:dyDescent="0.25">
      <c r="A85" s="3" t="s">
        <v>153</v>
      </c>
      <c r="B85" s="5" t="s">
        <v>154</v>
      </c>
      <c r="C85" s="11">
        <v>15048000000</v>
      </c>
      <c r="D85" s="11">
        <v>15796376263</v>
      </c>
      <c r="E85" s="11">
        <v>2441581162.3800001</v>
      </c>
      <c r="F85" s="11">
        <v>15.46</v>
      </c>
      <c r="G85" s="11">
        <v>9743349333.5400009</v>
      </c>
      <c r="H85" s="11">
        <v>61.68</v>
      </c>
      <c r="I85" s="11">
        <v>6053026929.46</v>
      </c>
    </row>
    <row r="86" spans="1:11" x14ac:dyDescent="0.25">
      <c r="A86" s="2" t="s">
        <v>155</v>
      </c>
      <c r="B86" s="4" t="s">
        <v>156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1" x14ac:dyDescent="0.25">
      <c r="A87" s="3" t="s">
        <v>157</v>
      </c>
      <c r="B87" s="5" t="s">
        <v>158</v>
      </c>
      <c r="C87" s="11">
        <v>15048000000</v>
      </c>
      <c r="D87" s="11">
        <v>15796376263</v>
      </c>
      <c r="E87" s="11">
        <v>2441581162.3800001</v>
      </c>
      <c r="F87" s="11">
        <v>15.46</v>
      </c>
      <c r="G87" s="11">
        <v>9743349333.5400009</v>
      </c>
      <c r="H87" s="11">
        <v>61.68</v>
      </c>
      <c r="I87" s="11">
        <v>6053026929.46</v>
      </c>
    </row>
    <row r="88" spans="1:11" x14ac:dyDescent="0.25">
      <c r="A88" s="3" t="s">
        <v>159</v>
      </c>
      <c r="B88" s="5" t="s">
        <v>160</v>
      </c>
      <c r="C88" s="11">
        <v>0</v>
      </c>
      <c r="D88" s="11">
        <v>42015928.520000003</v>
      </c>
      <c r="E88" s="11">
        <v>0</v>
      </c>
      <c r="F88" s="11">
        <v>0</v>
      </c>
      <c r="G88" s="11">
        <v>42015928.520000003</v>
      </c>
      <c r="H88" s="11">
        <v>100</v>
      </c>
      <c r="I88" s="11">
        <v>0</v>
      </c>
    </row>
    <row r="89" spans="1:11" x14ac:dyDescent="0.25">
      <c r="A89" s="2" t="s">
        <v>161</v>
      </c>
      <c r="B89" s="4" t="s">
        <v>162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1" x14ac:dyDescent="0.25">
      <c r="A90" s="2" t="s">
        <v>163</v>
      </c>
      <c r="B90" s="4" t="s">
        <v>164</v>
      </c>
      <c r="C90" s="12">
        <v>0</v>
      </c>
      <c r="D90" s="12">
        <v>42015928.520000003</v>
      </c>
      <c r="E90" s="12">
        <v>0</v>
      </c>
      <c r="F90" s="12">
        <v>0</v>
      </c>
      <c r="G90" s="12">
        <v>42015928.520000003</v>
      </c>
      <c r="H90" s="12">
        <v>100</v>
      </c>
      <c r="I90" s="12">
        <v>0</v>
      </c>
    </row>
    <row r="92" spans="1:11" x14ac:dyDescent="0.25">
      <c r="A92" s="10" t="s">
        <v>6</v>
      </c>
      <c r="B92" s="10" t="s">
        <v>165</v>
      </c>
      <c r="C92" s="10" t="s">
        <v>166</v>
      </c>
      <c r="D92" s="10" t="s">
        <v>167</v>
      </c>
      <c r="E92" s="10" t="s">
        <v>168</v>
      </c>
      <c r="F92" s="10" t="s">
        <v>7</v>
      </c>
      <c r="G92" s="10" t="s">
        <v>171</v>
      </c>
      <c r="H92" s="10" t="s">
        <v>172</v>
      </c>
      <c r="I92" s="10" t="s">
        <v>7</v>
      </c>
      <c r="J92" s="10" t="s">
        <v>174</v>
      </c>
      <c r="K92" s="10" t="s">
        <v>175</v>
      </c>
    </row>
    <row r="93" spans="1:11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69</v>
      </c>
      <c r="F93" s="1" t="s">
        <v>170</v>
      </c>
      <c r="G93" s="10" t="s">
        <v>7</v>
      </c>
      <c r="H93" s="1" t="s">
        <v>169</v>
      </c>
      <c r="I93" s="1" t="s">
        <v>173</v>
      </c>
      <c r="J93" s="10" t="s">
        <v>7</v>
      </c>
      <c r="K93" s="10" t="s">
        <v>7</v>
      </c>
    </row>
    <row r="94" spans="1:11" x14ac:dyDescent="0.25">
      <c r="A94" s="3" t="s">
        <v>176</v>
      </c>
      <c r="B94" s="5" t="s">
        <v>177</v>
      </c>
      <c r="C94" s="11">
        <v>13661139500</v>
      </c>
      <c r="D94" s="11">
        <v>13754310302.059999</v>
      </c>
      <c r="E94" s="11">
        <v>1756214819.29</v>
      </c>
      <c r="F94" s="11">
        <v>9084772730.4799995</v>
      </c>
      <c r="G94" s="11">
        <v>4669537571.5799999</v>
      </c>
      <c r="H94" s="11">
        <v>1967635019.98</v>
      </c>
      <c r="I94" s="11">
        <v>7991631228.6199999</v>
      </c>
      <c r="J94" s="11">
        <v>5762679073.4399996</v>
      </c>
      <c r="K94" s="11">
        <v>7516275829.7799997</v>
      </c>
    </row>
    <row r="95" spans="1:11" x14ac:dyDescent="0.25">
      <c r="A95" s="3" t="s">
        <v>178</v>
      </c>
      <c r="B95" s="5" t="s">
        <v>179</v>
      </c>
      <c r="C95" s="11">
        <v>11860099100</v>
      </c>
      <c r="D95" s="11">
        <v>11940681922.059999</v>
      </c>
      <c r="E95" s="11">
        <v>1555760751.3699999</v>
      </c>
      <c r="F95" s="11">
        <v>8059873660.0299997</v>
      </c>
      <c r="G95" s="11">
        <v>3880808262.0300002</v>
      </c>
      <c r="H95" s="11">
        <v>1766972029.21</v>
      </c>
      <c r="I95" s="11">
        <v>7321600676.8900003</v>
      </c>
      <c r="J95" s="11">
        <v>4619081245.1700001</v>
      </c>
      <c r="K95" s="11">
        <v>6868321588.3599997</v>
      </c>
    </row>
    <row r="96" spans="1:11" x14ac:dyDescent="0.25">
      <c r="A96" s="2" t="s">
        <v>180</v>
      </c>
      <c r="B96" s="4" t="s">
        <v>181</v>
      </c>
      <c r="C96" s="12">
        <v>7644650500</v>
      </c>
      <c r="D96" s="12">
        <v>7690372583.2299995</v>
      </c>
      <c r="E96" s="12">
        <v>1066381876.27</v>
      </c>
      <c r="F96" s="12">
        <v>5691958642.5900002</v>
      </c>
      <c r="G96" s="12">
        <v>1998413940.6400001</v>
      </c>
      <c r="H96" s="12">
        <v>1198269310.0799999</v>
      </c>
      <c r="I96" s="12">
        <v>5309858020.2299995</v>
      </c>
      <c r="J96" s="12">
        <v>2380514563</v>
      </c>
      <c r="K96" s="12">
        <v>5033322543.4799995</v>
      </c>
    </row>
    <row r="97" spans="1:11" x14ac:dyDescent="0.25">
      <c r="A97" s="2" t="s">
        <v>182</v>
      </c>
      <c r="B97" s="4" t="s">
        <v>183</v>
      </c>
      <c r="C97" s="12">
        <v>469230800</v>
      </c>
      <c r="D97" s="12">
        <v>545944710</v>
      </c>
      <c r="E97" s="12">
        <v>54386761.130000003</v>
      </c>
      <c r="F97" s="12">
        <v>232876271.13</v>
      </c>
      <c r="G97" s="12">
        <v>313068438.87</v>
      </c>
      <c r="H97" s="12">
        <v>54555171.25</v>
      </c>
      <c r="I97" s="12">
        <v>232297213.71000001</v>
      </c>
      <c r="J97" s="12">
        <v>313647496.29000002</v>
      </c>
      <c r="K97" s="12">
        <v>232297213.71000001</v>
      </c>
    </row>
    <row r="98" spans="1:11" x14ac:dyDescent="0.25">
      <c r="A98" s="3" t="s">
        <v>184</v>
      </c>
      <c r="B98" s="5" t="s">
        <v>185</v>
      </c>
      <c r="C98" s="11">
        <v>3746217800</v>
      </c>
      <c r="D98" s="11">
        <v>3704364628.8299999</v>
      </c>
      <c r="E98" s="11">
        <v>434992113.97000003</v>
      </c>
      <c r="F98" s="11">
        <v>2135038746.3099999</v>
      </c>
      <c r="G98" s="11">
        <v>1569325882.52</v>
      </c>
      <c r="H98" s="11">
        <v>514147547.88</v>
      </c>
      <c r="I98" s="11">
        <v>1779445442.95</v>
      </c>
      <c r="J98" s="11">
        <v>1924919185.8800001</v>
      </c>
      <c r="K98" s="11">
        <v>1602701831.1700001</v>
      </c>
    </row>
    <row r="99" spans="1:11" x14ac:dyDescent="0.25">
      <c r="A99" s="2" t="s">
        <v>186</v>
      </c>
      <c r="B99" s="4" t="s">
        <v>187</v>
      </c>
      <c r="C99" s="12">
        <v>168000000</v>
      </c>
      <c r="D99" s="12">
        <v>168000000</v>
      </c>
      <c r="E99" s="12">
        <v>28000000</v>
      </c>
      <c r="F99" s="12">
        <v>126000000</v>
      </c>
      <c r="G99" s="12">
        <v>42000000</v>
      </c>
      <c r="H99" s="12">
        <v>28000000</v>
      </c>
      <c r="I99" s="12">
        <v>126000000</v>
      </c>
      <c r="J99" s="12">
        <v>42000000</v>
      </c>
      <c r="K99" s="12">
        <v>112000000</v>
      </c>
    </row>
    <row r="100" spans="1:11" x14ac:dyDescent="0.25">
      <c r="A100" s="2" t="s">
        <v>188</v>
      </c>
      <c r="B100" s="4" t="s">
        <v>189</v>
      </c>
      <c r="C100" s="12">
        <v>3578217800</v>
      </c>
      <c r="D100" s="12">
        <v>3536364628.8299999</v>
      </c>
      <c r="E100" s="12">
        <v>406992113.97000003</v>
      </c>
      <c r="F100" s="12">
        <v>2009038746.3099999</v>
      </c>
      <c r="G100" s="12">
        <v>1527325882.52</v>
      </c>
      <c r="H100" s="12">
        <v>486147547.88</v>
      </c>
      <c r="I100" s="12">
        <v>1653445442.95</v>
      </c>
      <c r="J100" s="12">
        <v>1882919185.8800001</v>
      </c>
      <c r="K100" s="12">
        <v>1490701831.1700001</v>
      </c>
    </row>
    <row r="101" spans="1:11" x14ac:dyDescent="0.25">
      <c r="A101" s="3" t="s">
        <v>190</v>
      </c>
      <c r="B101" s="5" t="s">
        <v>191</v>
      </c>
      <c r="C101" s="11">
        <v>1674601000</v>
      </c>
      <c r="D101" s="11">
        <v>1813628380</v>
      </c>
      <c r="E101" s="11">
        <v>200454067.91999999</v>
      </c>
      <c r="F101" s="11">
        <v>1024899070.45</v>
      </c>
      <c r="G101" s="11">
        <v>788729309.54999995</v>
      </c>
      <c r="H101" s="11">
        <v>200662990.77000001</v>
      </c>
      <c r="I101" s="11">
        <v>670030551.73000002</v>
      </c>
      <c r="J101" s="11">
        <v>1143597828.27</v>
      </c>
      <c r="K101" s="11">
        <v>647954241.41999996</v>
      </c>
    </row>
    <row r="102" spans="1:11" x14ac:dyDescent="0.25">
      <c r="A102" s="2" t="s">
        <v>192</v>
      </c>
      <c r="B102" s="4" t="s">
        <v>193</v>
      </c>
      <c r="C102" s="12">
        <v>1346694200</v>
      </c>
      <c r="D102" s="12">
        <v>1496381686</v>
      </c>
      <c r="E102" s="12">
        <v>162675552.53999999</v>
      </c>
      <c r="F102" s="12">
        <v>866960542.29999995</v>
      </c>
      <c r="G102" s="12">
        <v>629421143.70000005</v>
      </c>
      <c r="H102" s="12">
        <v>163123250.94999999</v>
      </c>
      <c r="I102" s="12">
        <v>518762902.67000002</v>
      </c>
      <c r="J102" s="12">
        <v>977618783.33000004</v>
      </c>
      <c r="K102" s="12">
        <v>496686592.36000001</v>
      </c>
    </row>
    <row r="103" spans="1:11" x14ac:dyDescent="0.25">
      <c r="A103" s="2" t="s">
        <v>194</v>
      </c>
      <c r="B103" s="4" t="s">
        <v>195</v>
      </c>
      <c r="C103" s="12">
        <v>2707800</v>
      </c>
      <c r="D103" s="12">
        <v>8994494</v>
      </c>
      <c r="E103" s="12">
        <v>420018.4</v>
      </c>
      <c r="F103" s="12">
        <v>6307510.3300000001</v>
      </c>
      <c r="G103" s="12">
        <v>2686983.67</v>
      </c>
      <c r="H103" s="12">
        <v>0</v>
      </c>
      <c r="I103" s="12">
        <v>0</v>
      </c>
      <c r="J103" s="12">
        <v>8994494</v>
      </c>
      <c r="K103" s="12">
        <v>0</v>
      </c>
    </row>
    <row r="104" spans="1:11" x14ac:dyDescent="0.25">
      <c r="A104" s="2" t="s">
        <v>196</v>
      </c>
      <c r="B104" s="4" t="s">
        <v>197</v>
      </c>
      <c r="C104" s="12">
        <v>325199000</v>
      </c>
      <c r="D104" s="12">
        <v>308252200</v>
      </c>
      <c r="E104" s="12">
        <v>37358496.979999997</v>
      </c>
      <c r="F104" s="12">
        <v>151631017.81999999</v>
      </c>
      <c r="G104" s="12">
        <v>156621182.18000001</v>
      </c>
      <c r="H104" s="12">
        <v>37539739.82</v>
      </c>
      <c r="I104" s="12">
        <v>151267649.06</v>
      </c>
      <c r="J104" s="12">
        <v>156984550.94</v>
      </c>
      <c r="K104" s="12">
        <v>151267649.06</v>
      </c>
    </row>
    <row r="105" spans="1:11" x14ac:dyDescent="0.25">
      <c r="A105" s="2" t="s">
        <v>198</v>
      </c>
      <c r="B105" s="4" t="s">
        <v>199</v>
      </c>
      <c r="C105" s="12">
        <v>126439400</v>
      </c>
      <c r="D105" s="12">
        <v>0</v>
      </c>
      <c r="E105" s="12">
        <v>0</v>
      </c>
      <c r="F105" s="12">
        <v>0</v>
      </c>
      <c r="G105" s="12">
        <v>0</v>
      </c>
      <c r="H105" s="12">
        <v>0</v>
      </c>
      <c r="I105" s="12">
        <v>0</v>
      </c>
      <c r="J105" s="12">
        <v>0</v>
      </c>
      <c r="K105" s="12">
        <v>0</v>
      </c>
    </row>
    <row r="106" spans="1:11" x14ac:dyDescent="0.25">
      <c r="A106" s="2" t="s">
        <v>200</v>
      </c>
      <c r="B106" s="4" t="s">
        <v>201</v>
      </c>
      <c r="C106" s="12">
        <v>1386860500</v>
      </c>
      <c r="D106" s="12">
        <v>2084081889.46</v>
      </c>
      <c r="E106" s="12">
        <v>255553685.31</v>
      </c>
      <c r="F106" s="12">
        <v>1489778959.1500001</v>
      </c>
      <c r="G106" s="12">
        <v>594302930.30999994</v>
      </c>
      <c r="H106" s="12">
        <v>281516463.19</v>
      </c>
      <c r="I106" s="12">
        <v>1435909527.4300001</v>
      </c>
      <c r="J106" s="12">
        <v>648172362.02999997</v>
      </c>
      <c r="K106" s="12">
        <v>1299435107.1199999</v>
      </c>
    </row>
    <row r="107" spans="1:11" x14ac:dyDescent="0.25">
      <c r="A107" s="3" t="s">
        <v>202</v>
      </c>
      <c r="B107" s="5" t="s">
        <v>203</v>
      </c>
      <c r="C107" s="11">
        <v>15048000000</v>
      </c>
      <c r="D107" s="11">
        <v>15838392191.52</v>
      </c>
      <c r="E107" s="11">
        <v>2011768504.5999999</v>
      </c>
      <c r="F107" s="11">
        <v>10574551689.629999</v>
      </c>
      <c r="G107" s="11">
        <v>5263840501.8900003</v>
      </c>
      <c r="H107" s="11">
        <v>2249151483.1700001</v>
      </c>
      <c r="I107" s="11">
        <v>9427540756.0499992</v>
      </c>
      <c r="J107" s="11">
        <v>6410851435.4700003</v>
      </c>
      <c r="K107" s="11">
        <v>8815710936.8999996</v>
      </c>
    </row>
    <row r="108" spans="1:11" x14ac:dyDescent="0.25">
      <c r="A108" s="3" t="s">
        <v>204</v>
      </c>
      <c r="B108" s="5" t="s">
        <v>205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</row>
    <row r="109" spans="1:11" x14ac:dyDescent="0.25">
      <c r="A109" s="3" t="s">
        <v>206</v>
      </c>
      <c r="B109" s="5" t="s">
        <v>207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</row>
    <row r="110" spans="1:11" x14ac:dyDescent="0.25">
      <c r="A110" s="2" t="s">
        <v>208</v>
      </c>
      <c r="B110" s="4" t="s">
        <v>209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</row>
    <row r="111" spans="1:11" x14ac:dyDescent="0.25">
      <c r="A111" s="2" t="s">
        <v>210</v>
      </c>
      <c r="B111" s="4" t="s">
        <v>211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</row>
    <row r="112" spans="1:11" x14ac:dyDescent="0.25">
      <c r="A112" s="3" t="s">
        <v>212</v>
      </c>
      <c r="B112" s="5" t="s">
        <v>213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</row>
    <row r="113" spans="1:11" x14ac:dyDescent="0.25">
      <c r="A113" s="2" t="s">
        <v>214</v>
      </c>
      <c r="B113" s="4" t="s">
        <v>209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</row>
    <row r="114" spans="1:11" x14ac:dyDescent="0.25">
      <c r="A114" s="2" t="s">
        <v>215</v>
      </c>
      <c r="B114" s="4" t="s">
        <v>211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</row>
    <row r="115" spans="1:11" x14ac:dyDescent="0.25">
      <c r="A115" s="3" t="s">
        <v>216</v>
      </c>
      <c r="B115" s="5" t="s">
        <v>217</v>
      </c>
      <c r="C115" s="11">
        <v>15048000000</v>
      </c>
      <c r="D115" s="11">
        <v>15838392191.52</v>
      </c>
      <c r="E115" s="11">
        <v>2011768504.5999999</v>
      </c>
      <c r="F115" s="11">
        <v>10574551689.629999</v>
      </c>
      <c r="G115" s="11">
        <v>5263840501.8900003</v>
      </c>
      <c r="H115" s="11">
        <v>2249151483.1700001</v>
      </c>
      <c r="I115" s="11">
        <v>9427540756.0499992</v>
      </c>
      <c r="J115" s="11">
        <v>6410851435.4700003</v>
      </c>
      <c r="K115" s="11">
        <v>8815710936.8999996</v>
      </c>
    </row>
    <row r="116" spans="1:11" x14ac:dyDescent="0.25">
      <c r="A116" s="2" t="s">
        <v>218</v>
      </c>
      <c r="B116" s="4" t="s">
        <v>219</v>
      </c>
      <c r="C116" s="12">
        <v>0</v>
      </c>
      <c r="D116" s="12">
        <v>0</v>
      </c>
      <c r="E116" s="12">
        <v>0</v>
      </c>
      <c r="F116" s="12">
        <v>0</v>
      </c>
      <c r="G116" s="12">
        <v>0</v>
      </c>
      <c r="H116" s="12">
        <v>0</v>
      </c>
      <c r="I116" s="12">
        <v>315808577.49000001</v>
      </c>
      <c r="J116" s="12">
        <v>0</v>
      </c>
      <c r="K116" s="12">
        <v>927638396.63999999</v>
      </c>
    </row>
    <row r="117" spans="1:11" x14ac:dyDescent="0.25">
      <c r="A117" s="3" t="s">
        <v>220</v>
      </c>
      <c r="B117" s="5" t="s">
        <v>221</v>
      </c>
      <c r="C117" s="11">
        <v>15048000000</v>
      </c>
      <c r="D117" s="11">
        <v>15838392191.52</v>
      </c>
      <c r="E117" s="11">
        <v>2011768504.5999999</v>
      </c>
      <c r="F117" s="11">
        <v>10574551689.629999</v>
      </c>
      <c r="G117" s="11">
        <v>5263840501.8900003</v>
      </c>
      <c r="H117" s="11">
        <v>2249151483.1700001</v>
      </c>
      <c r="I117" s="11">
        <v>9743349333.5400009</v>
      </c>
      <c r="J117" s="11">
        <v>6410851435.4700003</v>
      </c>
      <c r="K117" s="11">
        <v>9743349333.5400009</v>
      </c>
    </row>
    <row r="118" spans="1:11" x14ac:dyDescent="0.25">
      <c r="A118" s="2" t="s">
        <v>222</v>
      </c>
      <c r="B118" s="4" t="s">
        <v>223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</row>
    <row r="120" spans="1:11" x14ac:dyDescent="0.25">
      <c r="A120" s="10" t="s">
        <v>6</v>
      </c>
      <c r="B120" s="10" t="s">
        <v>224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1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1" x14ac:dyDescent="0.25">
      <c r="A122" s="3" t="s">
        <v>225</v>
      </c>
      <c r="B122" s="5" t="s">
        <v>226</v>
      </c>
      <c r="C122" s="11">
        <v>1383860500</v>
      </c>
      <c r="D122" s="11">
        <v>1956056500</v>
      </c>
      <c r="E122" s="11">
        <v>337799001.97000003</v>
      </c>
      <c r="F122" s="11">
        <v>17.27</v>
      </c>
      <c r="G122" s="11">
        <v>1372741712.26</v>
      </c>
      <c r="H122" s="11">
        <v>70.180000000000007</v>
      </c>
      <c r="I122" s="11">
        <v>583314787.74000001</v>
      </c>
    </row>
    <row r="123" spans="1:11" x14ac:dyDescent="0.25">
      <c r="A123" s="3" t="s">
        <v>227</v>
      </c>
      <c r="B123" s="5" t="s">
        <v>228</v>
      </c>
      <c r="C123" s="11">
        <v>1383860500</v>
      </c>
      <c r="D123" s="11">
        <v>1956056500</v>
      </c>
      <c r="E123" s="11">
        <v>337799001.97000003</v>
      </c>
      <c r="F123" s="11">
        <v>17.27</v>
      </c>
      <c r="G123" s="11">
        <v>1372741712.26</v>
      </c>
      <c r="H123" s="11">
        <v>70.180000000000007</v>
      </c>
      <c r="I123" s="11">
        <v>583314787.74000001</v>
      </c>
    </row>
    <row r="124" spans="1:11" x14ac:dyDescent="0.25">
      <c r="A124" s="3" t="s">
        <v>229</v>
      </c>
      <c r="B124" s="5" t="s">
        <v>230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1" x14ac:dyDescent="0.25">
      <c r="A125" s="2" t="s">
        <v>231</v>
      </c>
      <c r="B125" s="4" t="s">
        <v>232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1" x14ac:dyDescent="0.25">
      <c r="A126" s="2" t="s">
        <v>233</v>
      </c>
      <c r="B126" s="4" t="s">
        <v>234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1" x14ac:dyDescent="0.25">
      <c r="A127" s="2" t="s">
        <v>235</v>
      </c>
      <c r="B127" s="4" t="s">
        <v>236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1" x14ac:dyDescent="0.25">
      <c r="A128" s="3" t="s">
        <v>237</v>
      </c>
      <c r="B128" s="5" t="s">
        <v>238</v>
      </c>
      <c r="C128" s="11">
        <v>931125100</v>
      </c>
      <c r="D128" s="11">
        <v>1386181600</v>
      </c>
      <c r="E128" s="11">
        <v>213017648.63</v>
      </c>
      <c r="F128" s="11">
        <v>15.37</v>
      </c>
      <c r="G128" s="11">
        <v>929385030.48000002</v>
      </c>
      <c r="H128" s="11">
        <v>67.05</v>
      </c>
      <c r="I128" s="11">
        <v>456796569.51999998</v>
      </c>
    </row>
    <row r="129" spans="1:9" x14ac:dyDescent="0.25">
      <c r="A129" s="2" t="s">
        <v>239</v>
      </c>
      <c r="B129" s="4" t="s">
        <v>240</v>
      </c>
      <c r="C129" s="12">
        <v>931125100</v>
      </c>
      <c r="D129" s="12">
        <v>1386181600</v>
      </c>
      <c r="E129" s="12">
        <v>213017648.63</v>
      </c>
      <c r="F129" s="12">
        <v>15.37</v>
      </c>
      <c r="G129" s="12">
        <v>929385030.48000002</v>
      </c>
      <c r="H129" s="12">
        <v>67.05</v>
      </c>
      <c r="I129" s="12">
        <v>456796569.51999998</v>
      </c>
    </row>
    <row r="130" spans="1:9" x14ac:dyDescent="0.25">
      <c r="A130" s="2" t="s">
        <v>241</v>
      </c>
      <c r="B130" s="4" t="s">
        <v>242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3</v>
      </c>
      <c r="B131" s="4" t="s">
        <v>244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5</v>
      </c>
      <c r="B132" s="4" t="s">
        <v>246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7</v>
      </c>
      <c r="B133" s="5" t="s">
        <v>248</v>
      </c>
      <c r="C133" s="11">
        <v>28000000</v>
      </c>
      <c r="D133" s="11">
        <v>28000000</v>
      </c>
      <c r="E133" s="11">
        <v>4485680.2699999996</v>
      </c>
      <c r="F133" s="11">
        <v>16.02</v>
      </c>
      <c r="G133" s="11">
        <v>17715002.719999999</v>
      </c>
      <c r="H133" s="11">
        <v>63.27</v>
      </c>
      <c r="I133" s="11">
        <v>10284997.279999999</v>
      </c>
    </row>
    <row r="134" spans="1:9" x14ac:dyDescent="0.25">
      <c r="A134" s="2" t="s">
        <v>249</v>
      </c>
      <c r="B134" s="4" t="s">
        <v>250</v>
      </c>
      <c r="C134" s="12">
        <v>0</v>
      </c>
      <c r="D134" s="12">
        <v>0</v>
      </c>
      <c r="E134" s="12">
        <v>34994.69</v>
      </c>
      <c r="F134" s="12">
        <v>0</v>
      </c>
      <c r="G134" s="12">
        <v>107514.75</v>
      </c>
      <c r="H134" s="12">
        <v>0</v>
      </c>
      <c r="I134" s="12">
        <v>-107514.75</v>
      </c>
    </row>
    <row r="135" spans="1:9" x14ac:dyDescent="0.25">
      <c r="A135" s="2" t="s">
        <v>251</v>
      </c>
      <c r="B135" s="4" t="s">
        <v>252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3</v>
      </c>
      <c r="B136" s="4" t="s">
        <v>254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5</v>
      </c>
      <c r="B137" s="4" t="s">
        <v>256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7</v>
      </c>
      <c r="B138" s="4" t="s">
        <v>258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59</v>
      </c>
      <c r="B139" s="4" t="s">
        <v>260</v>
      </c>
      <c r="C139" s="12">
        <v>28000000</v>
      </c>
      <c r="D139" s="12">
        <v>28000000</v>
      </c>
      <c r="E139" s="12">
        <v>4450685.58</v>
      </c>
      <c r="F139" s="12">
        <v>15.9</v>
      </c>
      <c r="G139" s="12">
        <v>17607487.969999999</v>
      </c>
      <c r="H139" s="12">
        <v>62.88</v>
      </c>
      <c r="I139" s="12">
        <v>10392512.029999999</v>
      </c>
    </row>
    <row r="140" spans="1:9" x14ac:dyDescent="0.25">
      <c r="A140" s="2" t="s">
        <v>261</v>
      </c>
      <c r="B140" s="4" t="s">
        <v>262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3</v>
      </c>
      <c r="B141" s="4" t="s">
        <v>264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5</v>
      </c>
      <c r="B142" s="4" t="s">
        <v>266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7</v>
      </c>
      <c r="B143" s="5" t="s">
        <v>268</v>
      </c>
      <c r="C143" s="11">
        <v>0</v>
      </c>
      <c r="D143" s="11">
        <v>0</v>
      </c>
      <c r="E143" s="11">
        <v>0</v>
      </c>
      <c r="F143" s="11">
        <v>0</v>
      </c>
      <c r="G143" s="11">
        <v>0</v>
      </c>
      <c r="H143" s="11">
        <v>0</v>
      </c>
      <c r="I143" s="11">
        <v>0</v>
      </c>
    </row>
    <row r="144" spans="1:9" x14ac:dyDescent="0.25">
      <c r="A144" s="2" t="s">
        <v>269</v>
      </c>
      <c r="B144" s="4" t="s">
        <v>270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  <c r="H144" s="12">
        <v>0</v>
      </c>
      <c r="I144" s="12">
        <v>0</v>
      </c>
    </row>
    <row r="145" spans="1:9" x14ac:dyDescent="0.25">
      <c r="A145" s="2" t="s">
        <v>271</v>
      </c>
      <c r="B145" s="4" t="s">
        <v>272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3</v>
      </c>
      <c r="B146" s="4" t="s">
        <v>274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5</v>
      </c>
      <c r="B147" s="4" t="s">
        <v>276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7</v>
      </c>
      <c r="B148" s="4" t="s">
        <v>278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79</v>
      </c>
      <c r="B149" s="5" t="s">
        <v>280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1</v>
      </c>
      <c r="B150" s="4" t="s">
        <v>282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3</v>
      </c>
      <c r="B151" s="4" t="s">
        <v>284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5</v>
      </c>
      <c r="B152" s="4" t="s">
        <v>286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7</v>
      </c>
      <c r="B153" s="4" t="s">
        <v>288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89</v>
      </c>
      <c r="B154" s="4" t="s">
        <v>290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1</v>
      </c>
      <c r="B155" s="4" t="s">
        <v>292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3</v>
      </c>
      <c r="B156" s="4" t="s">
        <v>294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5</v>
      </c>
      <c r="B157" s="4" t="s">
        <v>296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7</v>
      </c>
      <c r="B158" s="5" t="s">
        <v>298</v>
      </c>
      <c r="C158" s="11">
        <v>424735400</v>
      </c>
      <c r="D158" s="11">
        <v>541874900</v>
      </c>
      <c r="E158" s="11">
        <v>120295673.06999999</v>
      </c>
      <c r="F158" s="11">
        <v>22.2</v>
      </c>
      <c r="G158" s="11">
        <v>425641679.06</v>
      </c>
      <c r="H158" s="11">
        <v>78.55</v>
      </c>
      <c r="I158" s="11">
        <v>116233220.94</v>
      </c>
    </row>
    <row r="159" spans="1:9" x14ac:dyDescent="0.25">
      <c r="A159" s="2" t="s">
        <v>299</v>
      </c>
      <c r="B159" s="4" t="s">
        <v>300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1</v>
      </c>
      <c r="B160" s="4" t="s">
        <v>302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  <c r="H160" s="12">
        <v>0</v>
      </c>
      <c r="I160" s="12">
        <v>0</v>
      </c>
    </row>
    <row r="161" spans="1:9" x14ac:dyDescent="0.25">
      <c r="A161" s="2" t="s">
        <v>303</v>
      </c>
      <c r="B161" s="4" t="s">
        <v>304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5</v>
      </c>
      <c r="B162" s="4" t="s">
        <v>306</v>
      </c>
      <c r="C162" s="12">
        <v>424735400</v>
      </c>
      <c r="D162" s="12">
        <v>541874900</v>
      </c>
      <c r="E162" s="12">
        <v>120295673.06999999</v>
      </c>
      <c r="F162" s="12">
        <v>22.2</v>
      </c>
      <c r="G162" s="12">
        <v>425641679.06</v>
      </c>
      <c r="H162" s="12">
        <v>78.55</v>
      </c>
      <c r="I162" s="12">
        <v>116233220.94</v>
      </c>
    </row>
    <row r="163" spans="1:9" x14ac:dyDescent="0.25">
      <c r="A163" s="3" t="s">
        <v>307</v>
      </c>
      <c r="B163" s="5" t="s">
        <v>308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09</v>
      </c>
      <c r="B164" s="5" t="s">
        <v>310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1</v>
      </c>
      <c r="B165" s="4" t="s">
        <v>312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3</v>
      </c>
      <c r="B166" s="4" t="s">
        <v>314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5</v>
      </c>
      <c r="B167" s="5" t="s">
        <v>316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7</v>
      </c>
      <c r="B168" s="4" t="s">
        <v>318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19</v>
      </c>
      <c r="B169" s="4" t="s">
        <v>320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1</v>
      </c>
      <c r="B170" s="4" t="s">
        <v>322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3</v>
      </c>
      <c r="B171" s="4" t="s">
        <v>324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5</v>
      </c>
      <c r="B172" s="5" t="s">
        <v>326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7</v>
      </c>
      <c r="B173" s="4" t="s">
        <v>282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28</v>
      </c>
      <c r="B174" s="4" t="s">
        <v>284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29</v>
      </c>
      <c r="B175" s="4" t="s">
        <v>286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0</v>
      </c>
      <c r="B176" s="4" t="s">
        <v>288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1" x14ac:dyDescent="0.25">
      <c r="A177" s="2" t="s">
        <v>331</v>
      </c>
      <c r="B177" s="4" t="s">
        <v>290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1" x14ac:dyDescent="0.25">
      <c r="A178" s="2" t="s">
        <v>332</v>
      </c>
      <c r="B178" s="4" t="s">
        <v>292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1" x14ac:dyDescent="0.25">
      <c r="A179" s="2" t="s">
        <v>333</v>
      </c>
      <c r="B179" s="4" t="s">
        <v>294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1" x14ac:dyDescent="0.25">
      <c r="A180" s="2" t="s">
        <v>334</v>
      </c>
      <c r="B180" s="4" t="s">
        <v>296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1" x14ac:dyDescent="0.25">
      <c r="A181" s="3" t="s">
        <v>335</v>
      </c>
      <c r="B181" s="5" t="s">
        <v>336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1" x14ac:dyDescent="0.25">
      <c r="A182" s="2" t="s">
        <v>337</v>
      </c>
      <c r="B182" s="4" t="s">
        <v>338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1" x14ac:dyDescent="0.25">
      <c r="A183" s="2" t="s">
        <v>339</v>
      </c>
      <c r="B183" s="4" t="s">
        <v>340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1" x14ac:dyDescent="0.25">
      <c r="A184" s="2" t="s">
        <v>341</v>
      </c>
      <c r="B184" s="4" t="s">
        <v>342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1" x14ac:dyDescent="0.25">
      <c r="A185" s="2" t="s">
        <v>343</v>
      </c>
      <c r="B185" s="4" t="s">
        <v>344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1" x14ac:dyDescent="0.25">
      <c r="A187" s="10" t="s">
        <v>6</v>
      </c>
      <c r="B187" s="10" t="s">
        <v>345</v>
      </c>
      <c r="C187" s="10" t="s">
        <v>166</v>
      </c>
      <c r="D187" s="10" t="s">
        <v>167</v>
      </c>
      <c r="E187" s="10" t="s">
        <v>168</v>
      </c>
      <c r="F187" s="10" t="s">
        <v>7</v>
      </c>
      <c r="G187" s="10" t="s">
        <v>171</v>
      </c>
      <c r="H187" s="10" t="s">
        <v>172</v>
      </c>
      <c r="I187" s="10" t="s">
        <v>7</v>
      </c>
      <c r="J187" s="10" t="s">
        <v>174</v>
      </c>
      <c r="K187" s="10" t="s">
        <v>175</v>
      </c>
    </row>
    <row r="188" spans="1:11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69</v>
      </c>
      <c r="F188" s="1" t="s">
        <v>170</v>
      </c>
      <c r="G188" s="10" t="s">
        <v>7</v>
      </c>
      <c r="H188" s="1" t="s">
        <v>169</v>
      </c>
      <c r="I188" s="1" t="s">
        <v>173</v>
      </c>
      <c r="J188" s="10" t="s">
        <v>7</v>
      </c>
      <c r="K188" s="10" t="s">
        <v>7</v>
      </c>
    </row>
    <row r="189" spans="1:11" x14ac:dyDescent="0.25">
      <c r="A189" s="3" t="s">
        <v>346</v>
      </c>
      <c r="B189" s="5" t="s">
        <v>347</v>
      </c>
      <c r="C189" s="11">
        <v>1386860500</v>
      </c>
      <c r="D189" s="11">
        <v>2084081889.46</v>
      </c>
      <c r="E189" s="11">
        <v>255553685.31</v>
      </c>
      <c r="F189" s="11">
        <v>1489778959.1500001</v>
      </c>
      <c r="G189" s="11">
        <v>594302930.30999994</v>
      </c>
      <c r="H189" s="11">
        <v>281516463.19</v>
      </c>
      <c r="I189" s="11">
        <v>1435909527.4300001</v>
      </c>
      <c r="J189" s="11">
        <v>648172362.02999997</v>
      </c>
      <c r="K189" s="11">
        <v>1299435107.1199999</v>
      </c>
    </row>
    <row r="190" spans="1:11" x14ac:dyDescent="0.25">
      <c r="A190" s="3" t="s">
        <v>348</v>
      </c>
      <c r="B190" s="5" t="s">
        <v>349</v>
      </c>
      <c r="C190" s="11">
        <v>1136860500</v>
      </c>
      <c r="D190" s="11">
        <v>1866697937.46</v>
      </c>
      <c r="E190" s="11">
        <v>255553685.31</v>
      </c>
      <c r="F190" s="11">
        <v>1489778959.1500001</v>
      </c>
      <c r="G190" s="11">
        <v>376918978.31</v>
      </c>
      <c r="H190" s="11">
        <v>281516463.19</v>
      </c>
      <c r="I190" s="11">
        <v>1435909527.4300001</v>
      </c>
      <c r="J190" s="11">
        <v>430788410.02999997</v>
      </c>
      <c r="K190" s="11">
        <v>1299435107.1199999</v>
      </c>
    </row>
    <row r="191" spans="1:11" x14ac:dyDescent="0.25">
      <c r="A191" s="2" t="s">
        <v>350</v>
      </c>
      <c r="B191" s="4" t="s">
        <v>351</v>
      </c>
      <c r="C191" s="12">
        <v>822327700</v>
      </c>
      <c r="D191" s="12">
        <v>1303788867.77</v>
      </c>
      <c r="E191" s="12">
        <v>171207847.74000001</v>
      </c>
      <c r="F191" s="12">
        <v>982550627.29999995</v>
      </c>
      <c r="G191" s="12">
        <v>321238240.47000003</v>
      </c>
      <c r="H191" s="12">
        <v>186737301.71000001</v>
      </c>
      <c r="I191" s="12">
        <v>942636891.75999999</v>
      </c>
      <c r="J191" s="12">
        <v>361151976.00999999</v>
      </c>
      <c r="K191" s="12">
        <v>873908142.72000003</v>
      </c>
    </row>
    <row r="192" spans="1:11" x14ac:dyDescent="0.25">
      <c r="A192" s="2" t="s">
        <v>352</v>
      </c>
      <c r="B192" s="4" t="s">
        <v>353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</row>
    <row r="193" spans="1:11" x14ac:dyDescent="0.25">
      <c r="A193" s="2" t="s">
        <v>354</v>
      </c>
      <c r="B193" s="4" t="s">
        <v>355</v>
      </c>
      <c r="C193" s="12">
        <v>314532800</v>
      </c>
      <c r="D193" s="12">
        <v>562909069.69000006</v>
      </c>
      <c r="E193" s="12">
        <v>84345837.569999993</v>
      </c>
      <c r="F193" s="12">
        <v>507228331.85000002</v>
      </c>
      <c r="G193" s="12">
        <v>55680737.840000004</v>
      </c>
      <c r="H193" s="12">
        <v>94779161.480000004</v>
      </c>
      <c r="I193" s="12">
        <v>493272635.67000002</v>
      </c>
      <c r="J193" s="12">
        <v>69636434.019999996</v>
      </c>
      <c r="K193" s="12">
        <v>425526964.39999998</v>
      </c>
    </row>
    <row r="194" spans="1:11" x14ac:dyDescent="0.25">
      <c r="A194" s="3" t="s">
        <v>356</v>
      </c>
      <c r="B194" s="5" t="s">
        <v>357</v>
      </c>
      <c r="C194" s="11">
        <v>250000000</v>
      </c>
      <c r="D194" s="11">
        <v>217383952</v>
      </c>
      <c r="E194" s="11">
        <v>0</v>
      </c>
      <c r="F194" s="11">
        <v>0</v>
      </c>
      <c r="G194" s="11">
        <v>217383952</v>
      </c>
      <c r="H194" s="11">
        <v>0</v>
      </c>
      <c r="I194" s="11">
        <v>0</v>
      </c>
      <c r="J194" s="11">
        <v>217383952</v>
      </c>
      <c r="K194" s="11">
        <v>0</v>
      </c>
    </row>
    <row r="195" spans="1:11" x14ac:dyDescent="0.25">
      <c r="A195" s="2" t="s">
        <v>358</v>
      </c>
      <c r="B195" s="4" t="s">
        <v>359</v>
      </c>
      <c r="C195" s="12">
        <v>250000000</v>
      </c>
      <c r="D195" s="12">
        <v>217383952</v>
      </c>
      <c r="E195" s="12">
        <v>0</v>
      </c>
      <c r="F195" s="12">
        <v>0</v>
      </c>
      <c r="G195" s="12">
        <v>217383952</v>
      </c>
      <c r="H195" s="12">
        <v>0</v>
      </c>
      <c r="I195" s="12">
        <v>0</v>
      </c>
      <c r="J195" s="12">
        <v>217383952</v>
      </c>
      <c r="K195" s="12">
        <v>0</v>
      </c>
    </row>
    <row r="196" spans="1:11" x14ac:dyDescent="0.25">
      <c r="A196" s="2" t="s">
        <v>360</v>
      </c>
      <c r="B196" s="4" t="s">
        <v>361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</row>
    <row r="197" spans="1:11" x14ac:dyDescent="0.25">
      <c r="A197" s="2" t="s">
        <v>362</v>
      </c>
      <c r="B197" s="4" t="s">
        <v>363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</row>
    <row r="198" spans="1:11" x14ac:dyDescent="0.25">
      <c r="A198" s="2" t="s">
        <v>364</v>
      </c>
      <c r="B198" s="4" t="s">
        <v>365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96"/>
  <sheetViews>
    <sheetView showGridLines="0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054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055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056</v>
      </c>
      <c r="C10" s="10" t="s">
        <v>1023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1057</v>
      </c>
      <c r="C12" s="12">
        <v>15048000000</v>
      </c>
    </row>
    <row r="13" spans="1:6" x14ac:dyDescent="0.25">
      <c r="A13" s="2" t="s">
        <v>19</v>
      </c>
      <c r="B13" s="4" t="s">
        <v>1058</v>
      </c>
      <c r="C13" s="12">
        <v>15796376263</v>
      </c>
    </row>
    <row r="14" spans="1:6" x14ac:dyDescent="0.25">
      <c r="A14" s="2" t="s">
        <v>21</v>
      </c>
      <c r="B14" s="4" t="s">
        <v>11</v>
      </c>
      <c r="C14" s="12">
        <v>9743349333.5400009</v>
      </c>
    </row>
    <row r="15" spans="1:6" x14ac:dyDescent="0.25">
      <c r="A15" s="2" t="s">
        <v>23</v>
      </c>
      <c r="B15" s="4" t="s">
        <v>1059</v>
      </c>
      <c r="C15" s="12">
        <v>0</v>
      </c>
    </row>
    <row r="16" spans="1:6" x14ac:dyDescent="0.25">
      <c r="A16" s="2" t="s">
        <v>25</v>
      </c>
      <c r="B16" s="4" t="s">
        <v>1060</v>
      </c>
      <c r="C16" s="12">
        <v>42015928.520000003</v>
      </c>
    </row>
    <row r="17" spans="1:3" x14ac:dyDescent="0.25">
      <c r="A17" s="2" t="s">
        <v>27</v>
      </c>
      <c r="B17" s="4" t="s">
        <v>1061</v>
      </c>
      <c r="C17" s="12">
        <v>15048000000</v>
      </c>
    </row>
    <row r="18" spans="1:3" x14ac:dyDescent="0.25">
      <c r="A18" s="2" t="s">
        <v>29</v>
      </c>
      <c r="B18" s="4" t="s">
        <v>1062</v>
      </c>
      <c r="C18" s="12">
        <v>790392191.51999998</v>
      </c>
    </row>
    <row r="19" spans="1:3" x14ac:dyDescent="0.25">
      <c r="A19" s="2" t="s">
        <v>31</v>
      </c>
      <c r="B19" s="4" t="s">
        <v>1063</v>
      </c>
      <c r="C19" s="12">
        <v>15838392191.52</v>
      </c>
    </row>
    <row r="20" spans="1:3" x14ac:dyDescent="0.25">
      <c r="A20" s="2" t="s">
        <v>33</v>
      </c>
      <c r="B20" s="4" t="s">
        <v>168</v>
      </c>
      <c r="C20" s="12">
        <v>10574551689.629999</v>
      </c>
    </row>
    <row r="21" spans="1:3" x14ac:dyDescent="0.25">
      <c r="A21" s="2" t="s">
        <v>35</v>
      </c>
      <c r="B21" s="4" t="s">
        <v>172</v>
      </c>
      <c r="C21" s="12">
        <v>9427540756.0499992</v>
      </c>
    </row>
    <row r="22" spans="1:3" x14ac:dyDescent="0.25">
      <c r="A22" s="2" t="s">
        <v>37</v>
      </c>
      <c r="B22" s="4" t="s">
        <v>1064</v>
      </c>
      <c r="C22" s="12">
        <v>8815710936.8999996</v>
      </c>
    </row>
    <row r="23" spans="1:3" x14ac:dyDescent="0.25">
      <c r="A23" s="2" t="s">
        <v>39</v>
      </c>
      <c r="B23" s="4" t="s">
        <v>1065</v>
      </c>
      <c r="C23" s="12">
        <v>315808577.49000001</v>
      </c>
    </row>
    <row r="25" spans="1:3" x14ac:dyDescent="0.25">
      <c r="A25" s="10" t="s">
        <v>6</v>
      </c>
      <c r="B25" s="10" t="s">
        <v>1066</v>
      </c>
      <c r="C25" s="10" t="s">
        <v>1023</v>
      </c>
    </row>
    <row r="26" spans="1:3" x14ac:dyDescent="0.25">
      <c r="A26" s="10" t="s">
        <v>7</v>
      </c>
      <c r="B26" s="10" t="s">
        <v>7</v>
      </c>
      <c r="C26" s="10" t="s">
        <v>7</v>
      </c>
    </row>
    <row r="27" spans="1:3" x14ac:dyDescent="0.25">
      <c r="A27" s="2" t="s">
        <v>41</v>
      </c>
      <c r="B27" s="4" t="s">
        <v>168</v>
      </c>
      <c r="C27" s="12">
        <v>10574551689.629999</v>
      </c>
    </row>
    <row r="28" spans="1:3" x14ac:dyDescent="0.25">
      <c r="A28" s="2" t="s">
        <v>43</v>
      </c>
      <c r="B28" s="4" t="s">
        <v>172</v>
      </c>
      <c r="C28" s="12">
        <v>9427540756.0499992</v>
      </c>
    </row>
    <row r="30" spans="1:3" x14ac:dyDescent="0.25">
      <c r="A30" s="10" t="s">
        <v>6</v>
      </c>
      <c r="B30" s="10" t="s">
        <v>1067</v>
      </c>
      <c r="C30" s="10" t="s">
        <v>1023</v>
      </c>
    </row>
    <row r="31" spans="1:3" x14ac:dyDescent="0.25">
      <c r="A31" s="10" t="s">
        <v>7</v>
      </c>
      <c r="B31" s="10" t="s">
        <v>7</v>
      </c>
      <c r="C31" s="10" t="s">
        <v>7</v>
      </c>
    </row>
    <row r="32" spans="1:3" x14ac:dyDescent="0.25">
      <c r="A32" s="2" t="s">
        <v>45</v>
      </c>
      <c r="B32" s="4" t="s">
        <v>1068</v>
      </c>
      <c r="C32" s="12">
        <v>10903504527.02</v>
      </c>
    </row>
    <row r="34" spans="1:6" x14ac:dyDescent="0.25">
      <c r="A34" s="10" t="s">
        <v>6</v>
      </c>
      <c r="B34" s="10" t="s">
        <v>1069</v>
      </c>
      <c r="C34" s="10" t="s">
        <v>1023</v>
      </c>
    </row>
    <row r="35" spans="1:6" x14ac:dyDescent="0.25">
      <c r="A35" s="10" t="s">
        <v>7</v>
      </c>
      <c r="B35" s="10" t="s">
        <v>7</v>
      </c>
      <c r="C35" s="10" t="s">
        <v>7</v>
      </c>
    </row>
    <row r="36" spans="1:6" x14ac:dyDescent="0.25">
      <c r="A36" s="2" t="s">
        <v>47</v>
      </c>
      <c r="B36" s="4" t="s">
        <v>1070</v>
      </c>
      <c r="C36" s="12">
        <v>1323911080.21</v>
      </c>
    </row>
    <row r="37" spans="1:6" x14ac:dyDescent="0.25">
      <c r="A37" s="2" t="s">
        <v>49</v>
      </c>
      <c r="B37" s="4" t="s">
        <v>1071</v>
      </c>
      <c r="C37" s="12">
        <v>2258005185.73</v>
      </c>
    </row>
    <row r="38" spans="1:6" x14ac:dyDescent="0.25">
      <c r="A38" s="2" t="s">
        <v>51</v>
      </c>
      <c r="B38" s="4" t="s">
        <v>1072</v>
      </c>
      <c r="C38" s="12">
        <v>-934094105.51999998</v>
      </c>
    </row>
    <row r="39" spans="1:6" x14ac:dyDescent="0.25">
      <c r="A39" s="2" t="s">
        <v>53</v>
      </c>
      <c r="B39" s="4" t="s">
        <v>1073</v>
      </c>
      <c r="C39" s="12">
        <v>0</v>
      </c>
    </row>
    <row r="40" spans="1:6" x14ac:dyDescent="0.25">
      <c r="A40" s="2" t="s">
        <v>55</v>
      </c>
      <c r="B40" s="4" t="s">
        <v>1074</v>
      </c>
      <c r="C40" s="12">
        <v>0</v>
      </c>
    </row>
    <row r="41" spans="1:6" x14ac:dyDescent="0.25">
      <c r="A41" s="2" t="s">
        <v>57</v>
      </c>
      <c r="B41" s="4" t="s">
        <v>1075</v>
      </c>
      <c r="C41" s="12">
        <v>0</v>
      </c>
    </row>
    <row r="43" spans="1:6" x14ac:dyDescent="0.25">
      <c r="A43" s="10" t="s">
        <v>6</v>
      </c>
      <c r="B43" s="10" t="s">
        <v>1076</v>
      </c>
      <c r="C43" s="10" t="s">
        <v>1077</v>
      </c>
      <c r="D43" s="10" t="s">
        <v>1078</v>
      </c>
      <c r="E43" s="10" t="s">
        <v>1079</v>
      </c>
    </row>
    <row r="44" spans="1:6" x14ac:dyDescent="0.25">
      <c r="A44" s="10" t="s">
        <v>7</v>
      </c>
      <c r="B44" s="10" t="s">
        <v>7</v>
      </c>
      <c r="C44" s="10" t="s">
        <v>7</v>
      </c>
      <c r="D44" s="10" t="s">
        <v>7</v>
      </c>
      <c r="E44" s="10" t="s">
        <v>7</v>
      </c>
    </row>
    <row r="45" spans="1:6" x14ac:dyDescent="0.25">
      <c r="A45" s="2" t="s">
        <v>59</v>
      </c>
      <c r="B45" s="4" t="s">
        <v>1080</v>
      </c>
      <c r="C45" s="12">
        <v>484894706.06</v>
      </c>
      <c r="D45" s="12">
        <v>674257754.44000006</v>
      </c>
      <c r="E45" s="12">
        <v>139.05000000000001</v>
      </c>
    </row>
    <row r="46" spans="1:6" x14ac:dyDescent="0.25">
      <c r="A46" s="2" t="s">
        <v>61</v>
      </c>
      <c r="B46" s="4" t="s">
        <v>1081</v>
      </c>
      <c r="C46" s="12">
        <v>226599889.78999999</v>
      </c>
      <c r="D46" s="12">
        <v>431716965.83999997</v>
      </c>
      <c r="E46" s="12">
        <v>190.52</v>
      </c>
    </row>
    <row r="48" spans="1:6" x14ac:dyDescent="0.25">
      <c r="A48" s="10" t="s">
        <v>6</v>
      </c>
      <c r="B48" s="10" t="s">
        <v>1082</v>
      </c>
      <c r="C48" s="10" t="s">
        <v>1083</v>
      </c>
      <c r="D48" s="10" t="s">
        <v>1084</v>
      </c>
      <c r="E48" s="10" t="s">
        <v>1085</v>
      </c>
      <c r="F48" s="10" t="s">
        <v>1086</v>
      </c>
    </row>
    <row r="49" spans="1:6" x14ac:dyDescent="0.25">
      <c r="A49" s="10" t="s">
        <v>7</v>
      </c>
      <c r="B49" s="10" t="s">
        <v>7</v>
      </c>
      <c r="C49" s="10" t="s">
        <v>7</v>
      </c>
      <c r="D49" s="10" t="s">
        <v>7</v>
      </c>
      <c r="E49" s="10" t="s">
        <v>7</v>
      </c>
      <c r="F49" s="10" t="s">
        <v>7</v>
      </c>
    </row>
    <row r="50" spans="1:6" x14ac:dyDescent="0.25">
      <c r="A50" s="3" t="s">
        <v>63</v>
      </c>
      <c r="B50" s="5" t="s">
        <v>1087</v>
      </c>
      <c r="C50" s="11">
        <v>374475797.66000003</v>
      </c>
      <c r="D50" s="11">
        <v>2294757.09</v>
      </c>
      <c r="E50" s="11">
        <v>271941382.81999999</v>
      </c>
      <c r="F50" s="11">
        <v>100239657.75</v>
      </c>
    </row>
    <row r="51" spans="1:6" x14ac:dyDescent="0.25">
      <c r="A51" s="2" t="s">
        <v>65</v>
      </c>
      <c r="B51" s="4" t="s">
        <v>1088</v>
      </c>
      <c r="C51" s="12">
        <v>293406178.95999998</v>
      </c>
      <c r="D51" s="12">
        <v>2252799.71</v>
      </c>
      <c r="E51" s="12">
        <v>190930069.34</v>
      </c>
      <c r="F51" s="12">
        <v>100223309.91</v>
      </c>
    </row>
    <row r="52" spans="1:6" x14ac:dyDescent="0.25">
      <c r="A52" s="2" t="s">
        <v>67</v>
      </c>
      <c r="B52" s="4" t="s">
        <v>1089</v>
      </c>
      <c r="C52" s="12">
        <v>16280817.58</v>
      </c>
      <c r="D52" s="12">
        <v>0</v>
      </c>
      <c r="E52" s="12">
        <v>16280817.58</v>
      </c>
      <c r="F52" s="12">
        <v>0</v>
      </c>
    </row>
    <row r="53" spans="1:6" x14ac:dyDescent="0.25">
      <c r="A53" s="2" t="s">
        <v>69</v>
      </c>
      <c r="B53" s="4" t="s">
        <v>1090</v>
      </c>
      <c r="C53" s="12">
        <v>44596465.420000002</v>
      </c>
      <c r="D53" s="12">
        <v>41953.39</v>
      </c>
      <c r="E53" s="12">
        <v>44538164.189999998</v>
      </c>
      <c r="F53" s="12">
        <v>16347.84</v>
      </c>
    </row>
    <row r="54" spans="1:6" x14ac:dyDescent="0.25">
      <c r="A54" s="2" t="s">
        <v>71</v>
      </c>
      <c r="B54" s="4" t="s">
        <v>1091</v>
      </c>
      <c r="C54" s="12">
        <v>7605545.3799999999</v>
      </c>
      <c r="D54" s="12">
        <v>0</v>
      </c>
      <c r="E54" s="12">
        <v>7605545.3799999999</v>
      </c>
      <c r="F54" s="12">
        <v>0</v>
      </c>
    </row>
    <row r="55" spans="1:6" x14ac:dyDescent="0.25">
      <c r="A55" s="2" t="s">
        <v>73</v>
      </c>
      <c r="B55" s="4" t="s">
        <v>1092</v>
      </c>
      <c r="C55" s="12">
        <v>12586790.32</v>
      </c>
      <c r="D55" s="12">
        <v>3.99</v>
      </c>
      <c r="E55" s="12">
        <v>12586786.33</v>
      </c>
      <c r="F55" s="12">
        <v>0</v>
      </c>
    </row>
    <row r="56" spans="1:6" x14ac:dyDescent="0.25">
      <c r="A56" s="3" t="s">
        <v>75</v>
      </c>
      <c r="B56" s="5" t="s">
        <v>1093</v>
      </c>
      <c r="C56" s="11">
        <v>759765783.95000005</v>
      </c>
      <c r="D56" s="11">
        <v>284019058.25999999</v>
      </c>
      <c r="E56" s="11">
        <v>307055007.50999999</v>
      </c>
      <c r="F56" s="11">
        <v>168691718.18000001</v>
      </c>
    </row>
    <row r="57" spans="1:6" x14ac:dyDescent="0.25">
      <c r="A57" s="2" t="s">
        <v>77</v>
      </c>
      <c r="B57" s="4" t="s">
        <v>1088</v>
      </c>
      <c r="C57" s="12">
        <v>725440627.46000004</v>
      </c>
      <c r="D57" s="12">
        <v>278445090.18000001</v>
      </c>
      <c r="E57" s="12">
        <v>282091631.48000002</v>
      </c>
      <c r="F57" s="12">
        <v>164903905.80000001</v>
      </c>
    </row>
    <row r="58" spans="1:6" x14ac:dyDescent="0.25">
      <c r="A58" s="2" t="s">
        <v>79</v>
      </c>
      <c r="B58" s="4" t="s">
        <v>1089</v>
      </c>
      <c r="C58" s="12">
        <v>1143189.3899999999</v>
      </c>
      <c r="D58" s="12">
        <v>348604.78</v>
      </c>
      <c r="E58" s="12">
        <v>794584.61</v>
      </c>
      <c r="F58" s="12">
        <v>0</v>
      </c>
    </row>
    <row r="59" spans="1:6" x14ac:dyDescent="0.25">
      <c r="A59" s="2" t="s">
        <v>81</v>
      </c>
      <c r="B59" s="4" t="s">
        <v>1090</v>
      </c>
      <c r="C59" s="12">
        <v>15388193.199999999</v>
      </c>
      <c r="D59" s="12">
        <v>4151906.78</v>
      </c>
      <c r="E59" s="12">
        <v>11236286.42</v>
      </c>
      <c r="F59" s="12">
        <v>0</v>
      </c>
    </row>
    <row r="60" spans="1:6" x14ac:dyDescent="0.25">
      <c r="A60" s="2" t="s">
        <v>83</v>
      </c>
      <c r="B60" s="4" t="s">
        <v>1091</v>
      </c>
      <c r="C60" s="12">
        <v>16266926.359999999</v>
      </c>
      <c r="D60" s="12">
        <v>849679.61</v>
      </c>
      <c r="E60" s="12">
        <v>11629434.369999999</v>
      </c>
      <c r="F60" s="12">
        <v>3787812.38</v>
      </c>
    </row>
    <row r="61" spans="1:6" x14ac:dyDescent="0.25">
      <c r="A61" s="2" t="s">
        <v>85</v>
      </c>
      <c r="B61" s="4" t="s">
        <v>1092</v>
      </c>
      <c r="C61" s="12">
        <v>1526847.54</v>
      </c>
      <c r="D61" s="12">
        <v>223776.91</v>
      </c>
      <c r="E61" s="12">
        <v>1303070.6299999999</v>
      </c>
      <c r="F61" s="12">
        <v>0</v>
      </c>
    </row>
    <row r="62" spans="1:6" x14ac:dyDescent="0.25">
      <c r="A62" s="3" t="s">
        <v>87</v>
      </c>
      <c r="B62" s="5" t="s">
        <v>984</v>
      </c>
      <c r="C62" s="11">
        <v>1134241581.6099999</v>
      </c>
      <c r="D62" s="11">
        <v>286313815.35000002</v>
      </c>
      <c r="E62" s="11">
        <v>578996390.33000004</v>
      </c>
      <c r="F62" s="11">
        <v>268931375.93000001</v>
      </c>
    </row>
    <row r="64" spans="1:6" x14ac:dyDescent="0.25">
      <c r="A64" s="10" t="s">
        <v>6</v>
      </c>
      <c r="B64" s="10" t="s">
        <v>1094</v>
      </c>
      <c r="C64" s="10" t="s">
        <v>1095</v>
      </c>
      <c r="D64" s="10" t="s">
        <v>1096</v>
      </c>
      <c r="E64" s="10" t="s">
        <v>1096</v>
      </c>
    </row>
    <row r="65" spans="1:6" ht="21" x14ac:dyDescent="0.25">
      <c r="A65" s="10" t="s">
        <v>7</v>
      </c>
      <c r="B65" s="10" t="s">
        <v>7</v>
      </c>
      <c r="C65" s="10" t="s">
        <v>7</v>
      </c>
      <c r="D65" s="1" t="s">
        <v>1097</v>
      </c>
      <c r="E65" s="1" t="s">
        <v>1098</v>
      </c>
    </row>
    <row r="66" spans="1:6" x14ac:dyDescent="0.25">
      <c r="A66" s="2" t="s">
        <v>89</v>
      </c>
      <c r="B66" s="4" t="s">
        <v>1099</v>
      </c>
      <c r="C66" s="12">
        <v>1988911258.26</v>
      </c>
      <c r="D66" s="12">
        <v>25</v>
      </c>
      <c r="E66" s="12">
        <v>31.31</v>
      </c>
    </row>
    <row r="67" spans="1:6" x14ac:dyDescent="0.25">
      <c r="A67" s="2" t="s">
        <v>91</v>
      </c>
      <c r="B67" s="4" t="s">
        <v>1100</v>
      </c>
      <c r="C67" s="12">
        <v>672162925.96000004</v>
      </c>
      <c r="D67" s="12">
        <v>60</v>
      </c>
      <c r="E67" s="12">
        <v>90.31</v>
      </c>
    </row>
    <row r="68" spans="1:6" x14ac:dyDescent="0.25">
      <c r="A68" s="2" t="s">
        <v>93</v>
      </c>
      <c r="B68" s="4" t="s">
        <v>1101</v>
      </c>
      <c r="C68" s="12">
        <v>0</v>
      </c>
      <c r="D68" s="12">
        <v>60</v>
      </c>
      <c r="E68" s="12">
        <v>0</v>
      </c>
    </row>
    <row r="69" spans="1:6" x14ac:dyDescent="0.25">
      <c r="A69" s="2" t="s">
        <v>95</v>
      </c>
      <c r="B69" s="4" t="s">
        <v>1102</v>
      </c>
      <c r="C69" s="12">
        <v>0</v>
      </c>
      <c r="D69" s="12">
        <v>0</v>
      </c>
      <c r="E69" s="12">
        <v>0</v>
      </c>
    </row>
    <row r="71" spans="1:6" x14ac:dyDescent="0.25">
      <c r="A71" s="10" t="s">
        <v>6</v>
      </c>
      <c r="B71" s="10" t="s">
        <v>1103</v>
      </c>
      <c r="C71" s="10" t="s">
        <v>1095</v>
      </c>
      <c r="D71" s="10" t="s">
        <v>1104</v>
      </c>
    </row>
    <row r="72" spans="1:6" x14ac:dyDescent="0.25">
      <c r="A72" s="10" t="s">
        <v>7</v>
      </c>
      <c r="B72" s="10" t="s">
        <v>7</v>
      </c>
      <c r="C72" s="10" t="s">
        <v>7</v>
      </c>
      <c r="D72" s="10" t="s">
        <v>7</v>
      </c>
    </row>
    <row r="73" spans="1:6" x14ac:dyDescent="0.25">
      <c r="A73" s="2" t="s">
        <v>97</v>
      </c>
      <c r="B73" s="4" t="s">
        <v>1105</v>
      </c>
      <c r="C73" s="12">
        <v>0</v>
      </c>
      <c r="D73" s="12">
        <v>0</v>
      </c>
    </row>
    <row r="74" spans="1:6" x14ac:dyDescent="0.25">
      <c r="A74" s="2" t="s">
        <v>99</v>
      </c>
      <c r="B74" s="4" t="s">
        <v>1106</v>
      </c>
      <c r="C74" s="12">
        <v>0</v>
      </c>
      <c r="D74" s="12">
        <v>0</v>
      </c>
    </row>
    <row r="76" spans="1:6" x14ac:dyDescent="0.25">
      <c r="A76" s="10" t="s">
        <v>6</v>
      </c>
      <c r="B76" s="10" t="s">
        <v>1107</v>
      </c>
      <c r="C76" s="10" t="s">
        <v>1108</v>
      </c>
      <c r="D76" s="10" t="s">
        <v>1109</v>
      </c>
      <c r="E76" s="10" t="s">
        <v>1110</v>
      </c>
      <c r="F76" s="10" t="s">
        <v>1111</v>
      </c>
    </row>
    <row r="77" spans="1:6" x14ac:dyDescent="0.25">
      <c r="A77" s="10" t="s">
        <v>7</v>
      </c>
      <c r="B77" s="10" t="s">
        <v>7</v>
      </c>
      <c r="C77" s="10" t="s">
        <v>7</v>
      </c>
      <c r="D77" s="10" t="s">
        <v>7</v>
      </c>
      <c r="E77" s="10" t="s">
        <v>7</v>
      </c>
      <c r="F77" s="10" t="s">
        <v>7</v>
      </c>
    </row>
    <row r="78" spans="1:6" x14ac:dyDescent="0.25">
      <c r="A78" s="2" t="s">
        <v>101</v>
      </c>
      <c r="B78" s="4" t="s">
        <v>1112</v>
      </c>
      <c r="C78" s="12">
        <v>0</v>
      </c>
      <c r="D78" s="12">
        <v>0</v>
      </c>
      <c r="E78" s="12">
        <v>0</v>
      </c>
      <c r="F78" s="12">
        <v>0</v>
      </c>
    </row>
    <row r="79" spans="1:6" x14ac:dyDescent="0.25">
      <c r="A79" s="2" t="s">
        <v>103</v>
      </c>
      <c r="B79" s="4" t="s">
        <v>1113</v>
      </c>
      <c r="C79" s="12">
        <v>0</v>
      </c>
      <c r="D79" s="12">
        <v>0</v>
      </c>
      <c r="E79" s="12">
        <v>0</v>
      </c>
      <c r="F79" s="12">
        <v>0</v>
      </c>
    </row>
    <row r="80" spans="1:6" x14ac:dyDescent="0.25">
      <c r="A80" s="2" t="s">
        <v>105</v>
      </c>
      <c r="B80" s="4" t="s">
        <v>1114</v>
      </c>
      <c r="C80" s="12">
        <v>0</v>
      </c>
      <c r="D80" s="12">
        <v>0</v>
      </c>
      <c r="E80" s="12">
        <v>0</v>
      </c>
      <c r="F80" s="12">
        <v>0</v>
      </c>
    </row>
    <row r="81" spans="1:6" x14ac:dyDescent="0.25">
      <c r="A81" s="2" t="s">
        <v>107</v>
      </c>
      <c r="B81" s="4" t="s">
        <v>1115</v>
      </c>
      <c r="C81" s="12">
        <v>0</v>
      </c>
      <c r="D81" s="12">
        <v>0</v>
      </c>
      <c r="E81" s="12">
        <v>0</v>
      </c>
      <c r="F81" s="12">
        <v>0</v>
      </c>
    </row>
    <row r="82" spans="1:6" x14ac:dyDescent="0.25">
      <c r="A82" s="2" t="s">
        <v>109</v>
      </c>
      <c r="B82" s="4" t="s">
        <v>1116</v>
      </c>
      <c r="C82" s="12">
        <v>0</v>
      </c>
      <c r="D82" s="12">
        <v>0</v>
      </c>
      <c r="E82" s="12">
        <v>0</v>
      </c>
      <c r="F82" s="12">
        <v>0</v>
      </c>
    </row>
    <row r="83" spans="1:6" x14ac:dyDescent="0.25">
      <c r="A83" s="2" t="s">
        <v>111</v>
      </c>
      <c r="B83" s="4" t="s">
        <v>1117</v>
      </c>
      <c r="C83" s="12">
        <v>0</v>
      </c>
      <c r="D83" s="12">
        <v>0</v>
      </c>
      <c r="E83" s="12">
        <v>0</v>
      </c>
      <c r="F83" s="12">
        <v>0</v>
      </c>
    </row>
    <row r="85" spans="1:6" x14ac:dyDescent="0.25">
      <c r="A85" s="10" t="s">
        <v>6</v>
      </c>
      <c r="B85" s="10" t="s">
        <v>1118</v>
      </c>
      <c r="C85" s="10" t="s">
        <v>1095</v>
      </c>
      <c r="D85" s="10" t="s">
        <v>1119</v>
      </c>
    </row>
    <row r="86" spans="1:6" x14ac:dyDescent="0.25">
      <c r="A86" s="10" t="s">
        <v>7</v>
      </c>
      <c r="B86" s="10" t="s">
        <v>7</v>
      </c>
      <c r="C86" s="10" t="s">
        <v>7</v>
      </c>
      <c r="D86" s="10" t="s">
        <v>7</v>
      </c>
    </row>
    <row r="87" spans="1:6" x14ac:dyDescent="0.25">
      <c r="A87" s="2" t="s">
        <v>113</v>
      </c>
      <c r="B87" s="4" t="s">
        <v>1120</v>
      </c>
      <c r="C87" s="12">
        <v>0</v>
      </c>
      <c r="D87" s="12">
        <v>0</v>
      </c>
    </row>
    <row r="88" spans="1:6" x14ac:dyDescent="0.25">
      <c r="A88" s="2" t="s">
        <v>115</v>
      </c>
      <c r="B88" s="4" t="s">
        <v>1121</v>
      </c>
      <c r="C88" s="12">
        <v>0</v>
      </c>
      <c r="D88" s="12">
        <v>0</v>
      </c>
    </row>
    <row r="90" spans="1:6" x14ac:dyDescent="0.25">
      <c r="A90" s="10" t="s">
        <v>6</v>
      </c>
      <c r="B90" s="10" t="s">
        <v>1122</v>
      </c>
      <c r="C90" s="10" t="s">
        <v>1095</v>
      </c>
      <c r="D90" s="10" t="s">
        <v>1123</v>
      </c>
      <c r="E90" s="10" t="s">
        <v>1123</v>
      </c>
    </row>
    <row r="91" spans="1:6" ht="21" x14ac:dyDescent="0.25">
      <c r="A91" s="10" t="s">
        <v>7</v>
      </c>
      <c r="B91" s="10" t="s">
        <v>7</v>
      </c>
      <c r="C91" s="10" t="s">
        <v>7</v>
      </c>
      <c r="D91" s="1" t="s">
        <v>1097</v>
      </c>
      <c r="E91" s="1" t="s">
        <v>1098</v>
      </c>
    </row>
    <row r="92" spans="1:6" x14ac:dyDescent="0.25">
      <c r="A92" s="2" t="s">
        <v>117</v>
      </c>
      <c r="B92" s="4" t="s">
        <v>1124</v>
      </c>
      <c r="C92" s="12">
        <v>803096254</v>
      </c>
      <c r="D92" s="12">
        <v>12</v>
      </c>
      <c r="E92" s="12">
        <v>12.64</v>
      </c>
    </row>
    <row r="94" spans="1:6" x14ac:dyDescent="0.25">
      <c r="A94" s="10" t="s">
        <v>6</v>
      </c>
      <c r="B94" s="10" t="s">
        <v>1125</v>
      </c>
      <c r="C94" s="10" t="s">
        <v>1126</v>
      </c>
    </row>
    <row r="95" spans="1:6" x14ac:dyDescent="0.25">
      <c r="A95" s="10" t="s">
        <v>7</v>
      </c>
      <c r="B95" s="10" t="s">
        <v>7</v>
      </c>
      <c r="C95" s="10" t="s">
        <v>7</v>
      </c>
    </row>
    <row r="96" spans="1:6" x14ac:dyDescent="0.25">
      <c r="A96" s="2" t="s">
        <v>119</v>
      </c>
      <c r="B96" s="4" t="s">
        <v>1127</v>
      </c>
      <c r="C96" s="12">
        <v>0</v>
      </c>
    </row>
  </sheetData>
  <mergeCells count="54">
    <mergeCell ref="A90:A91"/>
    <mergeCell ref="B90:B91"/>
    <mergeCell ref="C90:C91"/>
    <mergeCell ref="D90:E90"/>
    <mergeCell ref="A94:A95"/>
    <mergeCell ref="B94:B95"/>
    <mergeCell ref="C94:C95"/>
    <mergeCell ref="E76:E77"/>
    <mergeCell ref="F76:F77"/>
    <mergeCell ref="A85:A86"/>
    <mergeCell ref="B85:B86"/>
    <mergeCell ref="C85:C86"/>
    <mergeCell ref="D85:D86"/>
    <mergeCell ref="A71:A72"/>
    <mergeCell ref="B71:B72"/>
    <mergeCell ref="C71:C72"/>
    <mergeCell ref="D71:D72"/>
    <mergeCell ref="A76:A77"/>
    <mergeCell ref="B76:B77"/>
    <mergeCell ref="C76:C77"/>
    <mergeCell ref="D76:D77"/>
    <mergeCell ref="F48:F49"/>
    <mergeCell ref="A64:A65"/>
    <mergeCell ref="B64:B65"/>
    <mergeCell ref="C64:C65"/>
    <mergeCell ref="D64:E64"/>
    <mergeCell ref="A48:A49"/>
    <mergeCell ref="B48:B49"/>
    <mergeCell ref="C48:C49"/>
    <mergeCell ref="D48:D49"/>
    <mergeCell ref="E48:E49"/>
    <mergeCell ref="A43:A44"/>
    <mergeCell ref="B43:B44"/>
    <mergeCell ref="C43:C44"/>
    <mergeCell ref="D43:D44"/>
    <mergeCell ref="E43:E44"/>
    <mergeCell ref="A30:A31"/>
    <mergeCell ref="B30:B31"/>
    <mergeCell ref="C30:C31"/>
    <mergeCell ref="A34:A35"/>
    <mergeCell ref="B34:B35"/>
    <mergeCell ref="C34:C35"/>
    <mergeCell ref="A9:F9"/>
    <mergeCell ref="A10:A11"/>
    <mergeCell ref="B10:B11"/>
    <mergeCell ref="C10:C11"/>
    <mergeCell ref="A25:A26"/>
    <mergeCell ref="B25:B26"/>
    <mergeCell ref="C25:C26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2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10" width="19" bestFit="1" customWidth="1"/>
    <col min="11" max="11" width="9.28515625" bestFit="1" customWidth="1"/>
    <col min="12" max="12" width="19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36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36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368</v>
      </c>
      <c r="C10" s="10" t="s">
        <v>369</v>
      </c>
      <c r="D10" s="10" t="s">
        <v>370</v>
      </c>
      <c r="E10" s="10" t="s">
        <v>168</v>
      </c>
      <c r="F10" s="10" t="s">
        <v>7</v>
      </c>
      <c r="G10" s="10" t="s">
        <v>7</v>
      </c>
      <c r="H10" s="10" t="s">
        <v>373</v>
      </c>
      <c r="I10" s="10" t="s">
        <v>172</v>
      </c>
      <c r="J10" s="10" t="s">
        <v>7</v>
      </c>
      <c r="K10" s="10" t="s">
        <v>7</v>
      </c>
      <c r="L10" s="10" t="s">
        <v>376</v>
      </c>
    </row>
    <row r="11" spans="1:12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69</v>
      </c>
      <c r="F11" s="1" t="s">
        <v>371</v>
      </c>
      <c r="G11" s="1" t="s">
        <v>372</v>
      </c>
      <c r="H11" s="10" t="s">
        <v>7</v>
      </c>
      <c r="I11" s="1" t="s">
        <v>169</v>
      </c>
      <c r="J11" s="1" t="s">
        <v>374</v>
      </c>
      <c r="K11" s="1" t="s">
        <v>375</v>
      </c>
      <c r="L11" s="10" t="s">
        <v>7</v>
      </c>
    </row>
    <row r="12" spans="1:12" x14ac:dyDescent="0.25">
      <c r="A12" s="3" t="s">
        <v>17</v>
      </c>
      <c r="B12" s="5" t="s">
        <v>377</v>
      </c>
      <c r="C12" s="11">
        <v>13661139500</v>
      </c>
      <c r="D12" s="11">
        <v>13754310302.059999</v>
      </c>
      <c r="E12" s="11">
        <v>1756214819.29</v>
      </c>
      <c r="F12" s="11">
        <v>9084772730.4799995</v>
      </c>
      <c r="G12" s="11">
        <v>85.89</v>
      </c>
      <c r="H12" s="11">
        <v>4669537571.5799999</v>
      </c>
      <c r="I12" s="11">
        <v>1967635019.98</v>
      </c>
      <c r="J12" s="11">
        <v>7991631228.6199999</v>
      </c>
      <c r="K12" s="11">
        <v>84.73</v>
      </c>
      <c r="L12" s="11">
        <v>5762679073.4399996</v>
      </c>
    </row>
    <row r="13" spans="1:12" x14ac:dyDescent="0.25">
      <c r="A13" s="3" t="s">
        <v>19</v>
      </c>
      <c r="B13" s="5" t="s">
        <v>378</v>
      </c>
      <c r="C13" s="11">
        <v>487743200</v>
      </c>
      <c r="D13" s="11">
        <v>488443200</v>
      </c>
      <c r="E13" s="11">
        <v>31201674.760000002</v>
      </c>
      <c r="F13" s="11">
        <v>320844573.57999998</v>
      </c>
      <c r="G13" s="11">
        <v>3.04</v>
      </c>
      <c r="H13" s="11">
        <v>167598626.41999999</v>
      </c>
      <c r="I13" s="11">
        <v>61936928.119999997</v>
      </c>
      <c r="J13" s="11">
        <v>237858024.63999999</v>
      </c>
      <c r="K13" s="11">
        <v>2.52</v>
      </c>
      <c r="L13" s="11">
        <v>250585175.36000001</v>
      </c>
    </row>
    <row r="14" spans="1:12" x14ac:dyDescent="0.25">
      <c r="A14" s="2" t="s">
        <v>21</v>
      </c>
      <c r="B14" s="4" t="s">
        <v>379</v>
      </c>
      <c r="C14" s="12">
        <v>250550000</v>
      </c>
      <c r="D14" s="12">
        <v>250250000</v>
      </c>
      <c r="E14" s="12">
        <v>26576715.879999999</v>
      </c>
      <c r="F14" s="12">
        <v>138153179.09</v>
      </c>
      <c r="G14" s="12">
        <v>1.31</v>
      </c>
      <c r="H14" s="12">
        <v>112096820.91</v>
      </c>
      <c r="I14" s="12">
        <v>30946870.530000001</v>
      </c>
      <c r="J14" s="12">
        <v>118282208.55</v>
      </c>
      <c r="K14" s="12">
        <v>1.25</v>
      </c>
      <c r="L14" s="12">
        <v>131967791.45</v>
      </c>
    </row>
    <row r="15" spans="1:12" x14ac:dyDescent="0.25">
      <c r="A15" s="2" t="s">
        <v>23</v>
      </c>
      <c r="B15" s="4" t="s">
        <v>380</v>
      </c>
      <c r="C15" s="12">
        <v>237193200</v>
      </c>
      <c r="D15" s="12">
        <v>238193200</v>
      </c>
      <c r="E15" s="12">
        <v>4624958.88</v>
      </c>
      <c r="F15" s="12">
        <v>182691394.49000001</v>
      </c>
      <c r="G15" s="12">
        <v>1.73</v>
      </c>
      <c r="H15" s="12">
        <v>55501805.509999998</v>
      </c>
      <c r="I15" s="12">
        <v>30990057.59</v>
      </c>
      <c r="J15" s="12">
        <v>119575816.09</v>
      </c>
      <c r="K15" s="12">
        <v>1.27</v>
      </c>
      <c r="L15" s="12">
        <v>118617383.91</v>
      </c>
    </row>
    <row r="16" spans="1:12" x14ac:dyDescent="0.25">
      <c r="A16" s="3" t="s">
        <v>25</v>
      </c>
      <c r="B16" s="5" t="s">
        <v>381</v>
      </c>
      <c r="C16" s="11">
        <v>917017200</v>
      </c>
      <c r="D16" s="11">
        <v>927043549.09000003</v>
      </c>
      <c r="E16" s="11">
        <v>6226297.6399999997</v>
      </c>
      <c r="F16" s="11">
        <v>888923314.40999997</v>
      </c>
      <c r="G16" s="11">
        <v>8.41</v>
      </c>
      <c r="H16" s="11">
        <v>38120234.68</v>
      </c>
      <c r="I16" s="11">
        <v>138256239.44999999</v>
      </c>
      <c r="J16" s="11">
        <v>545128547.33000004</v>
      </c>
      <c r="K16" s="11">
        <v>5.78</v>
      </c>
      <c r="L16" s="11">
        <v>381915001.75999999</v>
      </c>
    </row>
    <row r="17" spans="1:12" x14ac:dyDescent="0.25">
      <c r="A17" s="2" t="s">
        <v>27</v>
      </c>
      <c r="B17" s="4" t="s">
        <v>382</v>
      </c>
      <c r="C17" s="12">
        <v>123432700</v>
      </c>
      <c r="D17" s="12">
        <v>138932700</v>
      </c>
      <c r="E17" s="12">
        <v>6737563.0300000003</v>
      </c>
      <c r="F17" s="12">
        <v>123788267.81999999</v>
      </c>
      <c r="G17" s="12">
        <v>1.17</v>
      </c>
      <c r="H17" s="12">
        <v>15144432.18</v>
      </c>
      <c r="I17" s="12">
        <v>21536139.399999999</v>
      </c>
      <c r="J17" s="12">
        <v>78434644.900000006</v>
      </c>
      <c r="K17" s="12">
        <v>0.83</v>
      </c>
      <c r="L17" s="12">
        <v>60498055.100000001</v>
      </c>
    </row>
    <row r="18" spans="1:12" x14ac:dyDescent="0.25">
      <c r="A18" s="2" t="s">
        <v>29</v>
      </c>
      <c r="B18" s="4" t="s">
        <v>383</v>
      </c>
      <c r="C18" s="12">
        <v>756335200</v>
      </c>
      <c r="D18" s="12">
        <v>750861549.09000003</v>
      </c>
      <c r="E18" s="12">
        <v>-2203702.64</v>
      </c>
      <c r="F18" s="12">
        <v>738865076.72000003</v>
      </c>
      <c r="G18" s="12">
        <v>6.99</v>
      </c>
      <c r="H18" s="12">
        <v>11996472.369999999</v>
      </c>
      <c r="I18" s="12">
        <v>111423618.06999999</v>
      </c>
      <c r="J18" s="12">
        <v>452459250.27999997</v>
      </c>
      <c r="K18" s="12">
        <v>4.8</v>
      </c>
      <c r="L18" s="12">
        <v>298402298.81</v>
      </c>
    </row>
    <row r="19" spans="1:12" x14ac:dyDescent="0.25">
      <c r="A19" s="2" t="s">
        <v>31</v>
      </c>
      <c r="B19" s="4" t="s">
        <v>384</v>
      </c>
      <c r="C19" s="12">
        <v>30000000</v>
      </c>
      <c r="D19" s="12">
        <v>30000000</v>
      </c>
      <c r="E19" s="12">
        <v>1476868.38</v>
      </c>
      <c r="F19" s="12">
        <v>21183683.690000001</v>
      </c>
      <c r="G19" s="12">
        <v>0.2</v>
      </c>
      <c r="H19" s="12">
        <v>8816316.3100000005</v>
      </c>
      <c r="I19" s="12">
        <v>4738108.62</v>
      </c>
      <c r="J19" s="12">
        <v>11822640.91</v>
      </c>
      <c r="K19" s="12">
        <v>0.13</v>
      </c>
      <c r="L19" s="12">
        <v>18177359.09</v>
      </c>
    </row>
    <row r="20" spans="1:12" x14ac:dyDescent="0.25">
      <c r="A20" s="2" t="s">
        <v>33</v>
      </c>
      <c r="B20" s="4" t="s">
        <v>385</v>
      </c>
      <c r="C20" s="12">
        <v>3340300</v>
      </c>
      <c r="D20" s="12">
        <v>3340300</v>
      </c>
      <c r="E20" s="12">
        <v>212628.19</v>
      </c>
      <c r="F20" s="12">
        <v>2080571.46</v>
      </c>
      <c r="G20" s="12">
        <v>0.02</v>
      </c>
      <c r="H20" s="12">
        <v>1259728.54</v>
      </c>
      <c r="I20" s="12">
        <v>79704.97</v>
      </c>
      <c r="J20" s="12">
        <v>887997.33</v>
      </c>
      <c r="K20" s="12">
        <v>0.01</v>
      </c>
      <c r="L20" s="12">
        <v>2452302.67</v>
      </c>
    </row>
    <row r="21" spans="1:12" x14ac:dyDescent="0.25">
      <c r="A21" s="2" t="s">
        <v>35</v>
      </c>
      <c r="B21" s="4" t="s">
        <v>386</v>
      </c>
      <c r="C21" s="12">
        <v>3227000</v>
      </c>
      <c r="D21" s="12">
        <v>3227000</v>
      </c>
      <c r="E21" s="12">
        <v>2940.68</v>
      </c>
      <c r="F21" s="12">
        <v>2323714.7200000002</v>
      </c>
      <c r="G21" s="12">
        <v>0.02</v>
      </c>
      <c r="H21" s="12">
        <v>903285.28</v>
      </c>
      <c r="I21" s="12">
        <v>371762.87</v>
      </c>
      <c r="J21" s="12">
        <v>1099773.83</v>
      </c>
      <c r="K21" s="12">
        <v>0.01</v>
      </c>
      <c r="L21" s="12">
        <v>2127226.17</v>
      </c>
    </row>
    <row r="22" spans="1:12" x14ac:dyDescent="0.25">
      <c r="A22" s="2" t="s">
        <v>37</v>
      </c>
      <c r="B22" s="4" t="s">
        <v>387</v>
      </c>
      <c r="C22" s="12">
        <v>682000</v>
      </c>
      <c r="D22" s="12">
        <v>682000</v>
      </c>
      <c r="E22" s="12">
        <v>0</v>
      </c>
      <c r="F22" s="12">
        <v>682000</v>
      </c>
      <c r="G22" s="12">
        <v>0.01</v>
      </c>
      <c r="H22" s="12">
        <v>0</v>
      </c>
      <c r="I22" s="12">
        <v>106905.52</v>
      </c>
      <c r="J22" s="12">
        <v>424240.08</v>
      </c>
      <c r="K22" s="12">
        <v>0</v>
      </c>
      <c r="L22" s="12">
        <v>257759.92</v>
      </c>
    </row>
    <row r="23" spans="1:12" x14ac:dyDescent="0.25">
      <c r="A23" s="3" t="s">
        <v>39</v>
      </c>
      <c r="B23" s="5" t="s">
        <v>388</v>
      </c>
      <c r="C23" s="11">
        <v>868996000</v>
      </c>
      <c r="D23" s="11">
        <v>877790139.87</v>
      </c>
      <c r="E23" s="11">
        <v>140237396.69</v>
      </c>
      <c r="F23" s="11">
        <v>562152452.96000004</v>
      </c>
      <c r="G23" s="11">
        <v>5.32</v>
      </c>
      <c r="H23" s="11">
        <v>315637686.91000003</v>
      </c>
      <c r="I23" s="11">
        <v>146388818.65000001</v>
      </c>
      <c r="J23" s="11">
        <v>507898535.20999998</v>
      </c>
      <c r="K23" s="11">
        <v>5.38</v>
      </c>
      <c r="L23" s="11">
        <v>369891604.66000003</v>
      </c>
    </row>
    <row r="24" spans="1:12" x14ac:dyDescent="0.25">
      <c r="A24" s="2" t="s">
        <v>41</v>
      </c>
      <c r="B24" s="4" t="s">
        <v>389</v>
      </c>
      <c r="C24" s="12">
        <v>410061400</v>
      </c>
      <c r="D24" s="12">
        <v>422523300</v>
      </c>
      <c r="E24" s="12">
        <v>61455554.770000003</v>
      </c>
      <c r="F24" s="12">
        <v>280771007.13999999</v>
      </c>
      <c r="G24" s="12">
        <v>2.66</v>
      </c>
      <c r="H24" s="12">
        <v>141752292.86000001</v>
      </c>
      <c r="I24" s="12">
        <v>66419592.439999998</v>
      </c>
      <c r="J24" s="12">
        <v>233229909.59999999</v>
      </c>
      <c r="K24" s="12">
        <v>2.4700000000000002</v>
      </c>
      <c r="L24" s="12">
        <v>189293390.40000001</v>
      </c>
    </row>
    <row r="25" spans="1:12" x14ac:dyDescent="0.25">
      <c r="A25" s="2" t="s">
        <v>43</v>
      </c>
      <c r="B25" s="4" t="s">
        <v>390</v>
      </c>
      <c r="C25" s="12">
        <v>96812400</v>
      </c>
      <c r="D25" s="12">
        <v>84080100</v>
      </c>
      <c r="E25" s="12">
        <v>9092569.8200000003</v>
      </c>
      <c r="F25" s="12">
        <v>37809693.909999996</v>
      </c>
      <c r="G25" s="12">
        <v>0.36</v>
      </c>
      <c r="H25" s="12">
        <v>46270406.090000004</v>
      </c>
      <c r="I25" s="12">
        <v>8836689</v>
      </c>
      <c r="J25" s="12">
        <v>35927557.030000001</v>
      </c>
      <c r="K25" s="12">
        <v>0.38</v>
      </c>
      <c r="L25" s="12">
        <v>48152542.969999999</v>
      </c>
    </row>
    <row r="26" spans="1:12" x14ac:dyDescent="0.25">
      <c r="A26" s="2" t="s">
        <v>45</v>
      </c>
      <c r="B26" s="4" t="s">
        <v>383</v>
      </c>
      <c r="C26" s="12">
        <v>17988600</v>
      </c>
      <c r="D26" s="12">
        <v>19373100</v>
      </c>
      <c r="E26" s="12">
        <v>1783890.79</v>
      </c>
      <c r="F26" s="12">
        <v>14035727.529999999</v>
      </c>
      <c r="G26" s="12">
        <v>0.13</v>
      </c>
      <c r="H26" s="12">
        <v>5337372.47</v>
      </c>
      <c r="I26" s="12">
        <v>2965988.37</v>
      </c>
      <c r="J26" s="12">
        <v>9720245.9399999995</v>
      </c>
      <c r="K26" s="12">
        <v>0.1</v>
      </c>
      <c r="L26" s="12">
        <v>9652854.0600000005</v>
      </c>
    </row>
    <row r="27" spans="1:12" x14ac:dyDescent="0.25">
      <c r="A27" s="2" t="s">
        <v>47</v>
      </c>
      <c r="B27" s="4" t="s">
        <v>385</v>
      </c>
      <c r="C27" s="12">
        <v>4338400</v>
      </c>
      <c r="D27" s="12">
        <v>11868900</v>
      </c>
      <c r="E27" s="12">
        <v>1423505.95</v>
      </c>
      <c r="F27" s="12">
        <v>6865958.1399999997</v>
      </c>
      <c r="G27" s="12">
        <v>0.06</v>
      </c>
      <c r="H27" s="12">
        <v>5002941.8600000003</v>
      </c>
      <c r="I27" s="12">
        <v>1449281.63</v>
      </c>
      <c r="J27" s="12">
        <v>6778871.2000000002</v>
      </c>
      <c r="K27" s="12">
        <v>7.0000000000000007E-2</v>
      </c>
      <c r="L27" s="12">
        <v>5090028.8</v>
      </c>
    </row>
    <row r="28" spans="1:12" x14ac:dyDescent="0.25">
      <c r="A28" s="2" t="s">
        <v>49</v>
      </c>
      <c r="B28" s="4" t="s">
        <v>391</v>
      </c>
      <c r="C28" s="12">
        <v>160870800</v>
      </c>
      <c r="D28" s="12">
        <v>161020339.87</v>
      </c>
      <c r="E28" s="12">
        <v>24947993.140000001</v>
      </c>
      <c r="F28" s="12">
        <v>98365106.489999995</v>
      </c>
      <c r="G28" s="12">
        <v>0.93</v>
      </c>
      <c r="H28" s="12">
        <v>62655233.380000003</v>
      </c>
      <c r="I28" s="12">
        <v>24863151.949999999</v>
      </c>
      <c r="J28" s="12">
        <v>97936991.689999998</v>
      </c>
      <c r="K28" s="12">
        <v>1.04</v>
      </c>
      <c r="L28" s="12">
        <v>63083348.18</v>
      </c>
    </row>
    <row r="29" spans="1:12" x14ac:dyDescent="0.25">
      <c r="A29" s="2" t="s">
        <v>51</v>
      </c>
      <c r="B29" s="4" t="s">
        <v>387</v>
      </c>
      <c r="C29" s="12">
        <v>178924400</v>
      </c>
      <c r="D29" s="12">
        <v>178924400</v>
      </c>
      <c r="E29" s="12">
        <v>41533882.219999999</v>
      </c>
      <c r="F29" s="12">
        <v>124304959.75</v>
      </c>
      <c r="G29" s="12">
        <v>1.18</v>
      </c>
      <c r="H29" s="12">
        <v>54619440.25</v>
      </c>
      <c r="I29" s="12">
        <v>41854115.259999998</v>
      </c>
      <c r="J29" s="12">
        <v>124304959.75</v>
      </c>
      <c r="K29" s="12">
        <v>1.32</v>
      </c>
      <c r="L29" s="12">
        <v>54619440.25</v>
      </c>
    </row>
    <row r="30" spans="1:12" x14ac:dyDescent="0.25">
      <c r="A30" s="3" t="s">
        <v>53</v>
      </c>
      <c r="B30" s="5" t="s">
        <v>392</v>
      </c>
      <c r="C30" s="11">
        <v>1064022500</v>
      </c>
      <c r="D30" s="11">
        <v>1041664146.9299999</v>
      </c>
      <c r="E30" s="11">
        <v>130944635.75</v>
      </c>
      <c r="F30" s="11">
        <v>517505211.02999997</v>
      </c>
      <c r="G30" s="11">
        <v>4.8899999999999997</v>
      </c>
      <c r="H30" s="11">
        <v>524158935.89999998</v>
      </c>
      <c r="I30" s="11">
        <v>128843082.04000001</v>
      </c>
      <c r="J30" s="11">
        <v>484038327.52999997</v>
      </c>
      <c r="K30" s="11">
        <v>5.13</v>
      </c>
      <c r="L30" s="11">
        <v>557625819.39999998</v>
      </c>
    </row>
    <row r="31" spans="1:12" x14ac:dyDescent="0.25">
      <c r="A31" s="2" t="s">
        <v>55</v>
      </c>
      <c r="B31" s="4" t="s">
        <v>383</v>
      </c>
      <c r="C31" s="12">
        <v>377346700</v>
      </c>
      <c r="D31" s="12">
        <v>377509675.41000003</v>
      </c>
      <c r="E31" s="12">
        <v>51158138.289999999</v>
      </c>
      <c r="F31" s="12">
        <v>196985349.93000001</v>
      </c>
      <c r="G31" s="12">
        <v>1.86</v>
      </c>
      <c r="H31" s="12">
        <v>180524325.47999999</v>
      </c>
      <c r="I31" s="12">
        <v>48335709.310000002</v>
      </c>
      <c r="J31" s="12">
        <v>177502838.36000001</v>
      </c>
      <c r="K31" s="12">
        <v>1.88</v>
      </c>
      <c r="L31" s="12">
        <v>200006837.05000001</v>
      </c>
    </row>
    <row r="32" spans="1:12" x14ac:dyDescent="0.25">
      <c r="A32" s="2" t="s">
        <v>57</v>
      </c>
      <c r="B32" s="4" t="s">
        <v>393</v>
      </c>
      <c r="C32" s="12">
        <v>672877200</v>
      </c>
      <c r="D32" s="12">
        <v>649931313</v>
      </c>
      <c r="E32" s="12">
        <v>77272409.620000005</v>
      </c>
      <c r="F32" s="12">
        <v>311881949.25999999</v>
      </c>
      <c r="G32" s="12">
        <v>2.95</v>
      </c>
      <c r="H32" s="12">
        <v>338049363.74000001</v>
      </c>
      <c r="I32" s="12">
        <v>78404515.670000002</v>
      </c>
      <c r="J32" s="12">
        <v>298330413.60000002</v>
      </c>
      <c r="K32" s="12">
        <v>3.16</v>
      </c>
      <c r="L32" s="12">
        <v>351600899.39999998</v>
      </c>
    </row>
    <row r="33" spans="1:12" x14ac:dyDescent="0.25">
      <c r="A33" s="2" t="s">
        <v>59</v>
      </c>
      <c r="B33" s="4" t="s">
        <v>394</v>
      </c>
      <c r="C33" s="12">
        <v>13796600</v>
      </c>
      <c r="D33" s="12">
        <v>14171736</v>
      </c>
      <c r="E33" s="12">
        <v>2514087.84</v>
      </c>
      <c r="F33" s="12">
        <v>8613951.0399999991</v>
      </c>
      <c r="G33" s="12">
        <v>0.08</v>
      </c>
      <c r="H33" s="12">
        <v>5557784.96</v>
      </c>
      <c r="I33" s="12">
        <v>2102857.06</v>
      </c>
      <c r="J33" s="12">
        <v>8181114.7699999996</v>
      </c>
      <c r="K33" s="12">
        <v>0.09</v>
      </c>
      <c r="L33" s="12">
        <v>5990621.2300000004</v>
      </c>
    </row>
    <row r="34" spans="1:12" x14ac:dyDescent="0.25">
      <c r="A34" s="2" t="s">
        <v>61</v>
      </c>
      <c r="B34" s="4" t="s">
        <v>395</v>
      </c>
      <c r="C34" s="12">
        <v>2000</v>
      </c>
      <c r="D34" s="12">
        <v>51422.52</v>
      </c>
      <c r="E34" s="12">
        <v>0</v>
      </c>
      <c r="F34" s="12">
        <v>23960.799999999999</v>
      </c>
      <c r="G34" s="12">
        <v>0</v>
      </c>
      <c r="H34" s="12">
        <v>27461.72</v>
      </c>
      <c r="I34" s="12">
        <v>0</v>
      </c>
      <c r="J34" s="12">
        <v>23960.799999999999</v>
      </c>
      <c r="K34" s="12">
        <v>0</v>
      </c>
      <c r="L34" s="12">
        <v>27461.72</v>
      </c>
    </row>
    <row r="35" spans="1:12" x14ac:dyDescent="0.25">
      <c r="A35" s="3" t="s">
        <v>63</v>
      </c>
      <c r="B35" s="5" t="s">
        <v>396</v>
      </c>
      <c r="C35" s="11">
        <v>1873987300</v>
      </c>
      <c r="D35" s="11">
        <v>1610252602.22</v>
      </c>
      <c r="E35" s="11">
        <v>184237272.44</v>
      </c>
      <c r="F35" s="11">
        <v>877672975.12</v>
      </c>
      <c r="G35" s="11">
        <v>8.3000000000000007</v>
      </c>
      <c r="H35" s="11">
        <v>732579627.10000002</v>
      </c>
      <c r="I35" s="11">
        <v>186961864.69</v>
      </c>
      <c r="J35" s="11">
        <v>839289578.53999996</v>
      </c>
      <c r="K35" s="11">
        <v>8.91</v>
      </c>
      <c r="L35" s="11">
        <v>770963023.67999995</v>
      </c>
    </row>
    <row r="36" spans="1:12" x14ac:dyDescent="0.25">
      <c r="A36" s="2" t="s">
        <v>65</v>
      </c>
      <c r="B36" s="4" t="s">
        <v>397</v>
      </c>
      <c r="C36" s="12">
        <v>1871986800</v>
      </c>
      <c r="D36" s="12">
        <v>1603707102.22</v>
      </c>
      <c r="E36" s="12">
        <v>184160854.43000001</v>
      </c>
      <c r="F36" s="12">
        <v>872910360.74000001</v>
      </c>
      <c r="G36" s="12">
        <v>8.25</v>
      </c>
      <c r="H36" s="12">
        <v>730796741.48000002</v>
      </c>
      <c r="I36" s="12">
        <v>186893105.68000001</v>
      </c>
      <c r="J36" s="12">
        <v>835948872.98000002</v>
      </c>
      <c r="K36" s="12">
        <v>8.8699999999999992</v>
      </c>
      <c r="L36" s="12">
        <v>767758229.24000001</v>
      </c>
    </row>
    <row r="37" spans="1:12" x14ac:dyDescent="0.25">
      <c r="A37" s="2" t="s">
        <v>67</v>
      </c>
      <c r="B37" s="4" t="s">
        <v>398</v>
      </c>
      <c r="C37" s="12">
        <v>2000500</v>
      </c>
      <c r="D37" s="12">
        <v>6545500</v>
      </c>
      <c r="E37" s="12">
        <v>76418.009999999995</v>
      </c>
      <c r="F37" s="12">
        <v>4762614.38</v>
      </c>
      <c r="G37" s="12">
        <v>0.05</v>
      </c>
      <c r="H37" s="12">
        <v>1782885.62</v>
      </c>
      <c r="I37" s="12">
        <v>68759.009999999995</v>
      </c>
      <c r="J37" s="12">
        <v>3340705.56</v>
      </c>
      <c r="K37" s="12">
        <v>0.04</v>
      </c>
      <c r="L37" s="12">
        <v>3204794.44</v>
      </c>
    </row>
    <row r="38" spans="1:12" x14ac:dyDescent="0.25">
      <c r="A38" s="2" t="s">
        <v>69</v>
      </c>
      <c r="B38" s="4" t="s">
        <v>399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</row>
    <row r="39" spans="1:12" x14ac:dyDescent="0.25">
      <c r="A39" s="3" t="s">
        <v>71</v>
      </c>
      <c r="B39" s="5" t="s">
        <v>400</v>
      </c>
      <c r="C39" s="11">
        <v>227445900</v>
      </c>
      <c r="D39" s="11">
        <v>226652192.59</v>
      </c>
      <c r="E39" s="11">
        <v>24834497.460000001</v>
      </c>
      <c r="F39" s="11">
        <v>118728592.53</v>
      </c>
      <c r="G39" s="11">
        <v>1.1200000000000001</v>
      </c>
      <c r="H39" s="11">
        <v>107923600.06</v>
      </c>
      <c r="I39" s="11">
        <v>29228775.859999999</v>
      </c>
      <c r="J39" s="11">
        <v>116759052.70999999</v>
      </c>
      <c r="K39" s="11">
        <v>1.24</v>
      </c>
      <c r="L39" s="11">
        <v>109893139.88</v>
      </c>
    </row>
    <row r="40" spans="1:12" x14ac:dyDescent="0.25">
      <c r="A40" s="2" t="s">
        <v>73</v>
      </c>
      <c r="B40" s="4" t="s">
        <v>401</v>
      </c>
      <c r="C40" s="12">
        <v>4000000</v>
      </c>
      <c r="D40" s="12">
        <v>4000000</v>
      </c>
      <c r="E40" s="12">
        <v>0</v>
      </c>
      <c r="F40" s="12">
        <v>0</v>
      </c>
      <c r="G40" s="12">
        <v>0</v>
      </c>
      <c r="H40" s="12">
        <v>4000000</v>
      </c>
      <c r="I40" s="12">
        <v>0</v>
      </c>
      <c r="J40" s="12">
        <v>0</v>
      </c>
      <c r="K40" s="12">
        <v>0</v>
      </c>
      <c r="L40" s="12">
        <v>4000000</v>
      </c>
    </row>
    <row r="41" spans="1:12" x14ac:dyDescent="0.25">
      <c r="A41" s="2" t="s">
        <v>75</v>
      </c>
      <c r="B41" s="4" t="s">
        <v>402</v>
      </c>
      <c r="C41" s="12">
        <v>453400</v>
      </c>
      <c r="D41" s="12">
        <v>453400</v>
      </c>
      <c r="E41" s="12">
        <v>0</v>
      </c>
      <c r="F41" s="12">
        <v>398.28</v>
      </c>
      <c r="G41" s="12">
        <v>0</v>
      </c>
      <c r="H41" s="12">
        <v>453001.72</v>
      </c>
      <c r="I41" s="12">
        <v>0</v>
      </c>
      <c r="J41" s="12">
        <v>398.28</v>
      </c>
      <c r="K41" s="12">
        <v>0</v>
      </c>
      <c r="L41" s="12">
        <v>453001.72</v>
      </c>
    </row>
    <row r="42" spans="1:12" x14ac:dyDescent="0.25">
      <c r="A42" s="2" t="s">
        <v>77</v>
      </c>
      <c r="B42" s="4" t="s">
        <v>403</v>
      </c>
      <c r="C42" s="12">
        <v>201211200</v>
      </c>
      <c r="D42" s="12">
        <v>200517892.59</v>
      </c>
      <c r="E42" s="12">
        <v>22356246.719999999</v>
      </c>
      <c r="F42" s="12">
        <v>109028506.09</v>
      </c>
      <c r="G42" s="12">
        <v>1.03</v>
      </c>
      <c r="H42" s="12">
        <v>91489386.5</v>
      </c>
      <c r="I42" s="12">
        <v>25328680.809999999</v>
      </c>
      <c r="J42" s="12">
        <v>107307049.27</v>
      </c>
      <c r="K42" s="12">
        <v>1.1399999999999999</v>
      </c>
      <c r="L42" s="12">
        <v>93210843.319999993</v>
      </c>
    </row>
    <row r="43" spans="1:12" x14ac:dyDescent="0.25">
      <c r="A43" s="2" t="s">
        <v>79</v>
      </c>
      <c r="B43" s="4" t="s">
        <v>404</v>
      </c>
      <c r="C43" s="12">
        <v>21670000</v>
      </c>
      <c r="D43" s="12">
        <v>21670000</v>
      </c>
      <c r="E43" s="12">
        <v>2476454.2200000002</v>
      </c>
      <c r="F43" s="12">
        <v>9692565.4000000004</v>
      </c>
      <c r="G43" s="12">
        <v>0.09</v>
      </c>
      <c r="H43" s="12">
        <v>11977434.6</v>
      </c>
      <c r="I43" s="12">
        <v>3898300.71</v>
      </c>
      <c r="J43" s="12">
        <v>9444484.5800000001</v>
      </c>
      <c r="K43" s="12">
        <v>0.1</v>
      </c>
      <c r="L43" s="12">
        <v>12225515.42</v>
      </c>
    </row>
    <row r="44" spans="1:12" x14ac:dyDescent="0.25">
      <c r="A44" s="2" t="s">
        <v>81</v>
      </c>
      <c r="B44" s="4" t="s">
        <v>391</v>
      </c>
      <c r="C44" s="12">
        <v>100600</v>
      </c>
      <c r="D44" s="12">
        <v>200</v>
      </c>
      <c r="E44" s="12">
        <v>0</v>
      </c>
      <c r="F44" s="12">
        <v>0</v>
      </c>
      <c r="G44" s="12">
        <v>0</v>
      </c>
      <c r="H44" s="12">
        <v>200</v>
      </c>
      <c r="I44" s="12">
        <v>0</v>
      </c>
      <c r="J44" s="12">
        <v>0</v>
      </c>
      <c r="K44" s="12">
        <v>0</v>
      </c>
      <c r="L44" s="12">
        <v>200</v>
      </c>
    </row>
    <row r="45" spans="1:12" x14ac:dyDescent="0.25">
      <c r="A45" s="2" t="s">
        <v>83</v>
      </c>
      <c r="B45" s="4" t="s">
        <v>405</v>
      </c>
      <c r="C45" s="12">
        <v>10700</v>
      </c>
      <c r="D45" s="12">
        <v>10700</v>
      </c>
      <c r="E45" s="12">
        <v>1796.52</v>
      </c>
      <c r="F45" s="12">
        <v>7122.76</v>
      </c>
      <c r="G45" s="12">
        <v>0</v>
      </c>
      <c r="H45" s="12">
        <v>3577.24</v>
      </c>
      <c r="I45" s="12">
        <v>1794.34</v>
      </c>
      <c r="J45" s="12">
        <v>7120.58</v>
      </c>
      <c r="K45" s="12">
        <v>0</v>
      </c>
      <c r="L45" s="12">
        <v>3579.42</v>
      </c>
    </row>
    <row r="46" spans="1:12" x14ac:dyDescent="0.25">
      <c r="A46" s="3" t="s">
        <v>85</v>
      </c>
      <c r="B46" s="5" t="s">
        <v>406</v>
      </c>
      <c r="C46" s="11">
        <v>2040262300</v>
      </c>
      <c r="D46" s="11">
        <v>2678103900</v>
      </c>
      <c r="E46" s="11">
        <v>524155523.29000002</v>
      </c>
      <c r="F46" s="11">
        <v>2322908112.1799998</v>
      </c>
      <c r="G46" s="11">
        <v>21.97</v>
      </c>
      <c r="H46" s="11">
        <v>355195787.81999999</v>
      </c>
      <c r="I46" s="11">
        <v>546952088.92999995</v>
      </c>
      <c r="J46" s="11">
        <v>2257940383.71</v>
      </c>
      <c r="K46" s="11">
        <v>23.95</v>
      </c>
      <c r="L46" s="11">
        <v>420163516.29000002</v>
      </c>
    </row>
    <row r="47" spans="1:12" x14ac:dyDescent="0.25">
      <c r="A47" s="2" t="s">
        <v>87</v>
      </c>
      <c r="B47" s="4" t="s">
        <v>407</v>
      </c>
      <c r="C47" s="12">
        <v>2040262300</v>
      </c>
      <c r="D47" s="12">
        <v>2678103900</v>
      </c>
      <c r="E47" s="12">
        <v>524155523.29000002</v>
      </c>
      <c r="F47" s="12">
        <v>2322908112.1799998</v>
      </c>
      <c r="G47" s="12">
        <v>21.97</v>
      </c>
      <c r="H47" s="12">
        <v>355195787.81999999</v>
      </c>
      <c r="I47" s="12">
        <v>546952088.92999995</v>
      </c>
      <c r="J47" s="12">
        <v>2257940383.71</v>
      </c>
      <c r="K47" s="12">
        <v>23.95</v>
      </c>
      <c r="L47" s="12">
        <v>420163516.29000002</v>
      </c>
    </row>
    <row r="48" spans="1:12" x14ac:dyDescent="0.25">
      <c r="A48" s="3" t="s">
        <v>89</v>
      </c>
      <c r="B48" s="5" t="s">
        <v>408</v>
      </c>
      <c r="C48" s="11">
        <v>1388474800</v>
      </c>
      <c r="D48" s="11">
        <v>1402744004.51</v>
      </c>
      <c r="E48" s="11">
        <v>211669670.05000001</v>
      </c>
      <c r="F48" s="11">
        <v>866347469.94000006</v>
      </c>
      <c r="G48" s="11">
        <v>8.18</v>
      </c>
      <c r="H48" s="11">
        <v>536396534.56999999</v>
      </c>
      <c r="I48" s="11">
        <v>228643969.28</v>
      </c>
      <c r="J48" s="11">
        <v>758136098.70000005</v>
      </c>
      <c r="K48" s="11">
        <v>8.0299999999999994</v>
      </c>
      <c r="L48" s="11">
        <v>644607905.80999994</v>
      </c>
    </row>
    <row r="49" spans="1:12" x14ac:dyDescent="0.25">
      <c r="A49" s="2" t="s">
        <v>91</v>
      </c>
      <c r="B49" s="4" t="s">
        <v>383</v>
      </c>
      <c r="C49" s="12">
        <v>553095900</v>
      </c>
      <c r="D49" s="12">
        <v>565382125</v>
      </c>
      <c r="E49" s="12">
        <v>108871030.84999999</v>
      </c>
      <c r="F49" s="12">
        <v>436061253.45999998</v>
      </c>
      <c r="G49" s="12">
        <v>4.12</v>
      </c>
      <c r="H49" s="12">
        <v>129320871.54000001</v>
      </c>
      <c r="I49" s="12">
        <v>110220497.67</v>
      </c>
      <c r="J49" s="12">
        <v>418524107.36000001</v>
      </c>
      <c r="K49" s="12">
        <v>4.4400000000000004</v>
      </c>
      <c r="L49" s="12">
        <v>146858017.63999999</v>
      </c>
    </row>
    <row r="50" spans="1:12" x14ac:dyDescent="0.25">
      <c r="A50" s="2" t="s">
        <v>93</v>
      </c>
      <c r="B50" s="4" t="s">
        <v>394</v>
      </c>
      <c r="C50" s="12">
        <v>0</v>
      </c>
      <c r="D50" s="12">
        <v>0</v>
      </c>
      <c r="E50" s="12">
        <v>0</v>
      </c>
      <c r="F50" s="12">
        <v>0</v>
      </c>
      <c r="G50" s="12">
        <v>0</v>
      </c>
      <c r="H50" s="12">
        <v>0</v>
      </c>
      <c r="I50" s="12">
        <v>0</v>
      </c>
      <c r="J50" s="12">
        <v>0</v>
      </c>
      <c r="K50" s="12">
        <v>0</v>
      </c>
      <c r="L50" s="12">
        <v>0</v>
      </c>
    </row>
    <row r="51" spans="1:12" x14ac:dyDescent="0.25">
      <c r="A51" s="2" t="s">
        <v>95</v>
      </c>
      <c r="B51" s="4" t="s">
        <v>385</v>
      </c>
      <c r="C51" s="12">
        <v>5919200</v>
      </c>
      <c r="D51" s="12">
        <v>5268247.99</v>
      </c>
      <c r="E51" s="12">
        <v>383208</v>
      </c>
      <c r="F51" s="12">
        <v>1955022.34</v>
      </c>
      <c r="G51" s="12">
        <v>0.02</v>
      </c>
      <c r="H51" s="12">
        <v>3313225.65</v>
      </c>
      <c r="I51" s="12">
        <v>140157.32</v>
      </c>
      <c r="J51" s="12">
        <v>426237.12</v>
      </c>
      <c r="K51" s="12">
        <v>0</v>
      </c>
      <c r="L51" s="12">
        <v>4842010.87</v>
      </c>
    </row>
    <row r="52" spans="1:12" x14ac:dyDescent="0.25">
      <c r="A52" s="2" t="s">
        <v>97</v>
      </c>
      <c r="B52" s="4" t="s">
        <v>409</v>
      </c>
      <c r="C52" s="12">
        <v>112185500</v>
      </c>
      <c r="D52" s="12">
        <v>101319425</v>
      </c>
      <c r="E52" s="12">
        <v>11483852.199999999</v>
      </c>
      <c r="F52" s="12">
        <v>61756643.219999999</v>
      </c>
      <c r="G52" s="12">
        <v>0.57999999999999996</v>
      </c>
      <c r="H52" s="12">
        <v>39562781.780000001</v>
      </c>
      <c r="I52" s="12">
        <v>15720620.449999999</v>
      </c>
      <c r="J52" s="12">
        <v>50857283.689999998</v>
      </c>
      <c r="K52" s="12">
        <v>0.54</v>
      </c>
      <c r="L52" s="12">
        <v>50462141.310000002</v>
      </c>
    </row>
    <row r="53" spans="1:12" x14ac:dyDescent="0.25">
      <c r="A53" s="2" t="s">
        <v>99</v>
      </c>
      <c r="B53" s="4" t="s">
        <v>410</v>
      </c>
      <c r="C53" s="12">
        <v>588892600</v>
      </c>
      <c r="D53" s="12">
        <v>606266309</v>
      </c>
      <c r="E53" s="12">
        <v>79711051.319999993</v>
      </c>
      <c r="F53" s="12">
        <v>310592860.77999997</v>
      </c>
      <c r="G53" s="12">
        <v>2.94</v>
      </c>
      <c r="H53" s="12">
        <v>295673448.22000003</v>
      </c>
      <c r="I53" s="12">
        <v>87705450.159999996</v>
      </c>
      <c r="J53" s="12">
        <v>246867629.25999999</v>
      </c>
      <c r="K53" s="12">
        <v>2.62</v>
      </c>
      <c r="L53" s="12">
        <v>359398679.74000001</v>
      </c>
    </row>
    <row r="54" spans="1:12" x14ac:dyDescent="0.25">
      <c r="A54" s="2" t="s">
        <v>101</v>
      </c>
      <c r="B54" s="4" t="s">
        <v>411</v>
      </c>
      <c r="C54" s="12">
        <v>93010200</v>
      </c>
      <c r="D54" s="12">
        <v>88968475.349999994</v>
      </c>
      <c r="E54" s="12">
        <v>7417249.5300000003</v>
      </c>
      <c r="F54" s="12">
        <v>40067540.960000001</v>
      </c>
      <c r="G54" s="12">
        <v>0.38</v>
      </c>
      <c r="H54" s="12">
        <v>48900934.390000001</v>
      </c>
      <c r="I54" s="12">
        <v>11957695.25</v>
      </c>
      <c r="J54" s="12">
        <v>31514447.350000001</v>
      </c>
      <c r="K54" s="12">
        <v>0.33</v>
      </c>
      <c r="L54" s="12">
        <v>57454028</v>
      </c>
    </row>
    <row r="55" spans="1:12" x14ac:dyDescent="0.25">
      <c r="A55" s="2" t="s">
        <v>103</v>
      </c>
      <c r="B55" s="4" t="s">
        <v>412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  <c r="K55" s="12">
        <v>0</v>
      </c>
      <c r="L55" s="12">
        <v>0</v>
      </c>
    </row>
    <row r="56" spans="1:12" x14ac:dyDescent="0.25">
      <c r="A56" s="2" t="s">
        <v>105</v>
      </c>
      <c r="B56" s="4" t="s">
        <v>413</v>
      </c>
      <c r="C56" s="12">
        <v>30813300</v>
      </c>
      <c r="D56" s="12">
        <v>31040440</v>
      </c>
      <c r="E56" s="12">
        <v>3765354.71</v>
      </c>
      <c r="F56" s="12">
        <v>14151187.42</v>
      </c>
      <c r="G56" s="12">
        <v>0.13</v>
      </c>
      <c r="H56" s="12">
        <v>16889252.579999998</v>
      </c>
      <c r="I56" s="12">
        <v>2802263.82</v>
      </c>
      <c r="J56" s="12">
        <v>8260765.9299999997</v>
      </c>
      <c r="K56" s="12">
        <v>0.09</v>
      </c>
      <c r="L56" s="12">
        <v>22779674.07</v>
      </c>
    </row>
    <row r="57" spans="1:12" x14ac:dyDescent="0.25">
      <c r="A57" s="2" t="s">
        <v>107</v>
      </c>
      <c r="B57" s="4" t="s">
        <v>414</v>
      </c>
      <c r="C57" s="12">
        <v>1561000</v>
      </c>
      <c r="D57" s="12">
        <v>1555699</v>
      </c>
      <c r="E57" s="12">
        <v>-130.74</v>
      </c>
      <c r="F57" s="12">
        <v>75841.5</v>
      </c>
      <c r="G57" s="12">
        <v>0</v>
      </c>
      <c r="H57" s="12">
        <v>1479857.5</v>
      </c>
      <c r="I57" s="12">
        <v>18505.150000000001</v>
      </c>
      <c r="J57" s="12">
        <v>46247.22</v>
      </c>
      <c r="K57" s="12">
        <v>0</v>
      </c>
      <c r="L57" s="12">
        <v>1509451.78</v>
      </c>
    </row>
    <row r="58" spans="1:12" x14ac:dyDescent="0.25">
      <c r="A58" s="2" t="s">
        <v>109</v>
      </c>
      <c r="B58" s="4" t="s">
        <v>415</v>
      </c>
      <c r="C58" s="12">
        <v>0</v>
      </c>
      <c r="D58" s="12">
        <v>0</v>
      </c>
      <c r="E58" s="12">
        <v>0</v>
      </c>
      <c r="F58" s="12">
        <v>0</v>
      </c>
      <c r="G58" s="12">
        <v>0</v>
      </c>
      <c r="H58" s="12">
        <v>0</v>
      </c>
      <c r="I58" s="12">
        <v>0</v>
      </c>
      <c r="J58" s="12">
        <v>0</v>
      </c>
      <c r="K58" s="12">
        <v>0</v>
      </c>
      <c r="L58" s="12">
        <v>0</v>
      </c>
    </row>
    <row r="59" spans="1:12" x14ac:dyDescent="0.25">
      <c r="A59" s="2" t="s">
        <v>111</v>
      </c>
      <c r="B59" s="4" t="s">
        <v>391</v>
      </c>
      <c r="C59" s="12">
        <v>1087000</v>
      </c>
      <c r="D59" s="12">
        <v>1033183.17</v>
      </c>
      <c r="E59" s="12">
        <v>-27273.06</v>
      </c>
      <c r="F59" s="12">
        <v>112134.8</v>
      </c>
      <c r="G59" s="12">
        <v>0</v>
      </c>
      <c r="H59" s="12">
        <v>921048.37</v>
      </c>
      <c r="I59" s="12">
        <v>15250.98</v>
      </c>
      <c r="J59" s="12">
        <v>70797.95</v>
      </c>
      <c r="K59" s="12">
        <v>0</v>
      </c>
      <c r="L59" s="12">
        <v>962385.22</v>
      </c>
    </row>
    <row r="60" spans="1:12" x14ac:dyDescent="0.25">
      <c r="A60" s="2" t="s">
        <v>113</v>
      </c>
      <c r="B60" s="4" t="s">
        <v>416</v>
      </c>
      <c r="C60" s="12">
        <v>1500100</v>
      </c>
      <c r="D60" s="12">
        <v>1500100</v>
      </c>
      <c r="E60" s="12">
        <v>0</v>
      </c>
      <c r="F60" s="12">
        <v>1316471.8</v>
      </c>
      <c r="G60" s="12">
        <v>0.01</v>
      </c>
      <c r="H60" s="12">
        <v>183628.2</v>
      </c>
      <c r="I60" s="12">
        <v>0</v>
      </c>
      <c r="J60" s="12">
        <v>1316471.8</v>
      </c>
      <c r="K60" s="12">
        <v>0.01</v>
      </c>
      <c r="L60" s="12">
        <v>183628.2</v>
      </c>
    </row>
    <row r="61" spans="1:12" x14ac:dyDescent="0.25">
      <c r="A61" s="2" t="s">
        <v>115</v>
      </c>
      <c r="B61" s="4" t="s">
        <v>405</v>
      </c>
      <c r="C61" s="12">
        <v>410000</v>
      </c>
      <c r="D61" s="12">
        <v>410000</v>
      </c>
      <c r="E61" s="12">
        <v>65327.24</v>
      </c>
      <c r="F61" s="12">
        <v>258513.66</v>
      </c>
      <c r="G61" s="12">
        <v>0</v>
      </c>
      <c r="H61" s="12">
        <v>151486.34</v>
      </c>
      <c r="I61" s="12">
        <v>63528.480000000003</v>
      </c>
      <c r="J61" s="12">
        <v>252111.02</v>
      </c>
      <c r="K61" s="12">
        <v>0</v>
      </c>
      <c r="L61" s="12">
        <v>157888.98000000001</v>
      </c>
    </row>
    <row r="62" spans="1:12" x14ac:dyDescent="0.25">
      <c r="A62" s="3" t="s">
        <v>117</v>
      </c>
      <c r="B62" s="5" t="s">
        <v>417</v>
      </c>
      <c r="C62" s="11">
        <v>26302400</v>
      </c>
      <c r="D62" s="11">
        <v>25558476.690000001</v>
      </c>
      <c r="E62" s="11">
        <v>865689.76</v>
      </c>
      <c r="F62" s="11">
        <v>6022290.79</v>
      </c>
      <c r="G62" s="11">
        <v>0.06</v>
      </c>
      <c r="H62" s="11">
        <v>19536185.899999999</v>
      </c>
      <c r="I62" s="11">
        <v>814479.02</v>
      </c>
      <c r="J62" s="11">
        <v>5922755.8700000001</v>
      </c>
      <c r="K62" s="11">
        <v>0.06</v>
      </c>
      <c r="L62" s="11">
        <v>19635720.82</v>
      </c>
    </row>
    <row r="63" spans="1:12" x14ac:dyDescent="0.25">
      <c r="A63" s="2" t="s">
        <v>119</v>
      </c>
      <c r="B63" s="4" t="s">
        <v>383</v>
      </c>
      <c r="C63" s="12">
        <v>9598000</v>
      </c>
      <c r="D63" s="12">
        <v>8828376.6899999995</v>
      </c>
      <c r="E63" s="12">
        <v>868114.54</v>
      </c>
      <c r="F63" s="12">
        <v>4015831.37</v>
      </c>
      <c r="G63" s="12">
        <v>0.04</v>
      </c>
      <c r="H63" s="12">
        <v>4812545.32</v>
      </c>
      <c r="I63" s="12">
        <v>804606.04</v>
      </c>
      <c r="J63" s="12">
        <v>3916296.45</v>
      </c>
      <c r="K63" s="12">
        <v>0.04</v>
      </c>
      <c r="L63" s="12">
        <v>4912080.24</v>
      </c>
    </row>
    <row r="64" spans="1:12" x14ac:dyDescent="0.25">
      <c r="A64" s="2" t="s">
        <v>120</v>
      </c>
      <c r="B64" s="4" t="s">
        <v>418</v>
      </c>
      <c r="C64" s="12">
        <v>16645400</v>
      </c>
      <c r="D64" s="12">
        <v>16671100</v>
      </c>
      <c r="E64" s="12">
        <v>-12297.76</v>
      </c>
      <c r="F64" s="12">
        <v>1967279.85</v>
      </c>
      <c r="G64" s="12">
        <v>0.02</v>
      </c>
      <c r="H64" s="12">
        <v>14703820.15</v>
      </c>
      <c r="I64" s="12">
        <v>0</v>
      </c>
      <c r="J64" s="12">
        <v>1967279.85</v>
      </c>
      <c r="K64" s="12">
        <v>0.02</v>
      </c>
      <c r="L64" s="12">
        <v>14703820.15</v>
      </c>
    </row>
    <row r="65" spans="1:12" x14ac:dyDescent="0.25">
      <c r="A65" s="2" t="s">
        <v>121</v>
      </c>
      <c r="B65" s="4" t="s">
        <v>405</v>
      </c>
      <c r="C65" s="12">
        <v>59000</v>
      </c>
      <c r="D65" s="12">
        <v>59000</v>
      </c>
      <c r="E65" s="12">
        <v>9872.98</v>
      </c>
      <c r="F65" s="12">
        <v>39179.57</v>
      </c>
      <c r="G65" s="12">
        <v>0</v>
      </c>
      <c r="H65" s="12">
        <v>19820.43</v>
      </c>
      <c r="I65" s="12">
        <v>9872.98</v>
      </c>
      <c r="J65" s="12">
        <v>39179.57</v>
      </c>
      <c r="K65" s="12">
        <v>0</v>
      </c>
      <c r="L65" s="12">
        <v>19820.43</v>
      </c>
    </row>
    <row r="66" spans="1:12" x14ac:dyDescent="0.25">
      <c r="A66" s="3" t="s">
        <v>122</v>
      </c>
      <c r="B66" s="5" t="s">
        <v>419</v>
      </c>
      <c r="C66" s="11">
        <v>2044309500</v>
      </c>
      <c r="D66" s="11">
        <v>1748064693.55</v>
      </c>
      <c r="E66" s="11">
        <v>166669730.19</v>
      </c>
      <c r="F66" s="11">
        <v>1061932488.7</v>
      </c>
      <c r="G66" s="11">
        <v>10.02</v>
      </c>
      <c r="H66" s="11">
        <v>686132204.85000002</v>
      </c>
      <c r="I66" s="11">
        <v>158423355.53999999</v>
      </c>
      <c r="J66" s="11">
        <v>1016203578.61</v>
      </c>
      <c r="K66" s="11">
        <v>10.78</v>
      </c>
      <c r="L66" s="11">
        <v>731861114.94000006</v>
      </c>
    </row>
    <row r="67" spans="1:12" x14ac:dyDescent="0.25">
      <c r="A67" s="2" t="s">
        <v>123</v>
      </c>
      <c r="B67" s="4" t="s">
        <v>383</v>
      </c>
      <c r="C67" s="12">
        <v>1745388600</v>
      </c>
      <c r="D67" s="12">
        <v>1438376843.55</v>
      </c>
      <c r="E67" s="12">
        <v>113862357.70999999</v>
      </c>
      <c r="F67" s="12">
        <v>920704753.03999996</v>
      </c>
      <c r="G67" s="12">
        <v>8.7100000000000009</v>
      </c>
      <c r="H67" s="12">
        <v>517672090.50999999</v>
      </c>
      <c r="I67" s="12">
        <v>116227229.5</v>
      </c>
      <c r="J67" s="12">
        <v>908074712.57000005</v>
      </c>
      <c r="K67" s="12">
        <v>9.6300000000000008</v>
      </c>
      <c r="L67" s="12">
        <v>530302130.98000002</v>
      </c>
    </row>
    <row r="68" spans="1:12" x14ac:dyDescent="0.25">
      <c r="A68" s="2" t="s">
        <v>124</v>
      </c>
      <c r="B68" s="4" t="s">
        <v>420</v>
      </c>
      <c r="C68" s="12">
        <v>19435000</v>
      </c>
      <c r="D68" s="12">
        <v>19185000</v>
      </c>
      <c r="E68" s="12">
        <v>-1805.29</v>
      </c>
      <c r="F68" s="12">
        <v>247947.78</v>
      </c>
      <c r="G68" s="12">
        <v>0</v>
      </c>
      <c r="H68" s="12">
        <v>18937052.219999999</v>
      </c>
      <c r="I68" s="12">
        <v>-1805.29</v>
      </c>
      <c r="J68" s="12">
        <v>247947.78</v>
      </c>
      <c r="K68" s="12">
        <v>0</v>
      </c>
      <c r="L68" s="12">
        <v>18937052.219999999</v>
      </c>
    </row>
    <row r="69" spans="1:12" x14ac:dyDescent="0.25">
      <c r="A69" s="2" t="s">
        <v>125</v>
      </c>
      <c r="B69" s="4" t="s">
        <v>421</v>
      </c>
      <c r="C69" s="12">
        <v>17533000</v>
      </c>
      <c r="D69" s="12">
        <v>17283000</v>
      </c>
      <c r="E69" s="12">
        <v>8639106</v>
      </c>
      <c r="F69" s="12">
        <v>8639106</v>
      </c>
      <c r="G69" s="12">
        <v>0.08</v>
      </c>
      <c r="H69" s="12">
        <v>8643894</v>
      </c>
      <c r="I69" s="12">
        <v>2088304</v>
      </c>
      <c r="J69" s="12">
        <v>2088304</v>
      </c>
      <c r="K69" s="12">
        <v>0.02</v>
      </c>
      <c r="L69" s="12">
        <v>15194696</v>
      </c>
    </row>
    <row r="70" spans="1:12" x14ac:dyDescent="0.25">
      <c r="A70" s="2" t="s">
        <v>126</v>
      </c>
      <c r="B70" s="4" t="s">
        <v>415</v>
      </c>
      <c r="C70" s="12">
        <v>14339000</v>
      </c>
      <c r="D70" s="12">
        <v>20539000</v>
      </c>
      <c r="E70" s="12">
        <v>-979913.6</v>
      </c>
      <c r="F70" s="12">
        <v>10990790.529999999</v>
      </c>
      <c r="G70" s="12">
        <v>0.1</v>
      </c>
      <c r="H70" s="12">
        <v>9548209.4700000007</v>
      </c>
      <c r="I70" s="12">
        <v>2576016.06</v>
      </c>
      <c r="J70" s="12">
        <v>9345515.4700000007</v>
      </c>
      <c r="K70" s="12">
        <v>0.1</v>
      </c>
      <c r="L70" s="12">
        <v>11193484.529999999</v>
      </c>
    </row>
    <row r="71" spans="1:12" x14ac:dyDescent="0.25">
      <c r="A71" s="2" t="s">
        <v>127</v>
      </c>
      <c r="B71" s="4" t="s">
        <v>404</v>
      </c>
      <c r="C71" s="12">
        <v>27461500</v>
      </c>
      <c r="D71" s="12">
        <v>27425850</v>
      </c>
      <c r="E71" s="12">
        <v>1101865.83</v>
      </c>
      <c r="F71" s="12">
        <v>4573908.72</v>
      </c>
      <c r="G71" s="12">
        <v>0.04</v>
      </c>
      <c r="H71" s="12">
        <v>22851941.280000001</v>
      </c>
      <c r="I71" s="12">
        <v>1180774.8400000001</v>
      </c>
      <c r="J71" s="12">
        <v>4256783.3499999996</v>
      </c>
      <c r="K71" s="12">
        <v>0.05</v>
      </c>
      <c r="L71" s="12">
        <v>23169066.649999999</v>
      </c>
    </row>
    <row r="72" spans="1:12" x14ac:dyDescent="0.25">
      <c r="A72" s="2" t="s">
        <v>129</v>
      </c>
      <c r="B72" s="4" t="s">
        <v>422</v>
      </c>
      <c r="C72" s="12">
        <v>750000</v>
      </c>
      <c r="D72" s="12">
        <v>500000</v>
      </c>
      <c r="E72" s="12">
        <v>0</v>
      </c>
      <c r="F72" s="12">
        <v>0</v>
      </c>
      <c r="G72" s="12">
        <v>0</v>
      </c>
      <c r="H72" s="12">
        <v>500000</v>
      </c>
      <c r="I72" s="12">
        <v>0</v>
      </c>
      <c r="J72" s="12">
        <v>0</v>
      </c>
      <c r="K72" s="12">
        <v>0</v>
      </c>
      <c r="L72" s="12">
        <v>500000</v>
      </c>
    </row>
    <row r="73" spans="1:12" x14ac:dyDescent="0.25">
      <c r="A73" s="2" t="s">
        <v>131</v>
      </c>
      <c r="B73" s="4" t="s">
        <v>423</v>
      </c>
      <c r="C73" s="12">
        <v>6000000</v>
      </c>
      <c r="D73" s="12">
        <v>3500000</v>
      </c>
      <c r="E73" s="12">
        <v>109107.47</v>
      </c>
      <c r="F73" s="12">
        <v>389561.37</v>
      </c>
      <c r="G73" s="12">
        <v>0</v>
      </c>
      <c r="H73" s="12">
        <v>3110438.63</v>
      </c>
      <c r="I73" s="12">
        <v>68787.23</v>
      </c>
      <c r="J73" s="12">
        <v>348281.13</v>
      </c>
      <c r="K73" s="12">
        <v>0</v>
      </c>
      <c r="L73" s="12">
        <v>3151718.87</v>
      </c>
    </row>
    <row r="74" spans="1:12" x14ac:dyDescent="0.25">
      <c r="A74" s="2" t="s">
        <v>133</v>
      </c>
      <c r="B74" s="4" t="s">
        <v>424</v>
      </c>
      <c r="C74" s="12">
        <v>21462800</v>
      </c>
      <c r="D74" s="12">
        <v>19052800</v>
      </c>
      <c r="E74" s="12">
        <v>3778013.89</v>
      </c>
      <c r="F74" s="12">
        <v>5496126.3899999997</v>
      </c>
      <c r="G74" s="12">
        <v>0.05</v>
      </c>
      <c r="H74" s="12">
        <v>13556673.609999999</v>
      </c>
      <c r="I74" s="12">
        <v>3082584.45</v>
      </c>
      <c r="J74" s="12">
        <v>3680376.28</v>
      </c>
      <c r="K74" s="12">
        <v>0.04</v>
      </c>
      <c r="L74" s="12">
        <v>15372423.720000001</v>
      </c>
    </row>
    <row r="75" spans="1:12" x14ac:dyDescent="0.25">
      <c r="A75" s="2" t="s">
        <v>135</v>
      </c>
      <c r="B75" s="4" t="s">
        <v>425</v>
      </c>
      <c r="C75" s="12">
        <v>176297600</v>
      </c>
      <c r="D75" s="12">
        <v>186597600</v>
      </c>
      <c r="E75" s="12">
        <v>38372416.409999996</v>
      </c>
      <c r="F75" s="12">
        <v>103940269.98</v>
      </c>
      <c r="G75" s="12">
        <v>0.98</v>
      </c>
      <c r="H75" s="12">
        <v>82657330.019999996</v>
      </c>
      <c r="I75" s="12">
        <v>31338009.100000001</v>
      </c>
      <c r="J75" s="12">
        <v>81380626.609999999</v>
      </c>
      <c r="K75" s="12">
        <v>0.86</v>
      </c>
      <c r="L75" s="12">
        <v>105216973.39</v>
      </c>
    </row>
    <row r="76" spans="1:12" x14ac:dyDescent="0.25">
      <c r="A76" s="2" t="s">
        <v>137</v>
      </c>
      <c r="B76" s="4" t="s">
        <v>426</v>
      </c>
      <c r="C76" s="12">
        <v>6230000</v>
      </c>
      <c r="D76" s="12">
        <v>6048600</v>
      </c>
      <c r="E76" s="12">
        <v>573414.85</v>
      </c>
      <c r="F76" s="12">
        <v>2631449.5299999998</v>
      </c>
      <c r="G76" s="12">
        <v>0.02</v>
      </c>
      <c r="H76" s="12">
        <v>3417150.47</v>
      </c>
      <c r="I76" s="12">
        <v>648288.73</v>
      </c>
      <c r="J76" s="12">
        <v>2462456.06</v>
      </c>
      <c r="K76" s="12">
        <v>0.03</v>
      </c>
      <c r="L76" s="12">
        <v>3586143.94</v>
      </c>
    </row>
    <row r="77" spans="1:12" x14ac:dyDescent="0.25">
      <c r="A77" s="2" t="s">
        <v>139</v>
      </c>
      <c r="B77" s="4" t="s">
        <v>427</v>
      </c>
      <c r="C77" s="12">
        <v>0</v>
      </c>
      <c r="D77" s="12">
        <v>0</v>
      </c>
      <c r="E77" s="12">
        <v>0</v>
      </c>
      <c r="F77" s="12">
        <v>0</v>
      </c>
      <c r="G77" s="12">
        <v>0</v>
      </c>
      <c r="H77" s="12">
        <v>0</v>
      </c>
      <c r="I77" s="12">
        <v>0</v>
      </c>
      <c r="J77" s="12">
        <v>0</v>
      </c>
      <c r="K77" s="12">
        <v>0</v>
      </c>
      <c r="L77" s="12">
        <v>0</v>
      </c>
    </row>
    <row r="78" spans="1:12" x14ac:dyDescent="0.25">
      <c r="A78" s="2" t="s">
        <v>141</v>
      </c>
      <c r="B78" s="4" t="s">
        <v>405</v>
      </c>
      <c r="C78" s="12">
        <v>9412000</v>
      </c>
      <c r="D78" s="12">
        <v>9556000</v>
      </c>
      <c r="E78" s="12">
        <v>1215166.92</v>
      </c>
      <c r="F78" s="12">
        <v>4318575.3600000003</v>
      </c>
      <c r="G78" s="12">
        <v>0.04</v>
      </c>
      <c r="H78" s="12">
        <v>5237424.6399999997</v>
      </c>
      <c r="I78" s="12">
        <v>1215166.92</v>
      </c>
      <c r="J78" s="12">
        <v>4318575.3600000003</v>
      </c>
      <c r="K78" s="12">
        <v>0.05</v>
      </c>
      <c r="L78" s="12">
        <v>5237424.6399999997</v>
      </c>
    </row>
    <row r="79" spans="1:12" x14ac:dyDescent="0.25">
      <c r="A79" s="3" t="s">
        <v>143</v>
      </c>
      <c r="B79" s="5" t="s">
        <v>428</v>
      </c>
      <c r="C79" s="11">
        <v>43826400</v>
      </c>
      <c r="D79" s="11">
        <v>59591879.5</v>
      </c>
      <c r="E79" s="11">
        <v>9144230.3000000007</v>
      </c>
      <c r="F79" s="11">
        <v>22516913.969999999</v>
      </c>
      <c r="G79" s="11">
        <v>0.21</v>
      </c>
      <c r="H79" s="11">
        <v>37074965.530000001</v>
      </c>
      <c r="I79" s="11">
        <v>8070716.4500000002</v>
      </c>
      <c r="J79" s="11">
        <v>20439838.120000001</v>
      </c>
      <c r="K79" s="11">
        <v>0.22</v>
      </c>
      <c r="L79" s="11">
        <v>39152041.380000003</v>
      </c>
    </row>
    <row r="80" spans="1:12" x14ac:dyDescent="0.25">
      <c r="A80" s="2" t="s">
        <v>145</v>
      </c>
      <c r="B80" s="4" t="s">
        <v>429</v>
      </c>
      <c r="C80" s="12">
        <v>43815300</v>
      </c>
      <c r="D80" s="12">
        <v>59580669.5</v>
      </c>
      <c r="E80" s="12">
        <v>9142374.7599999998</v>
      </c>
      <c r="F80" s="12">
        <v>22509548.02</v>
      </c>
      <c r="G80" s="12">
        <v>0.21</v>
      </c>
      <c r="H80" s="12">
        <v>37071121.479999997</v>
      </c>
      <c r="I80" s="12">
        <v>8068860.9100000001</v>
      </c>
      <c r="J80" s="12">
        <v>20432472.170000002</v>
      </c>
      <c r="K80" s="12">
        <v>0.22</v>
      </c>
      <c r="L80" s="12">
        <v>39148197.329999998</v>
      </c>
    </row>
    <row r="81" spans="1:12" x14ac:dyDescent="0.25">
      <c r="A81" s="2" t="s">
        <v>147</v>
      </c>
      <c r="B81" s="4" t="s">
        <v>387</v>
      </c>
      <c r="C81" s="12">
        <v>11100</v>
      </c>
      <c r="D81" s="12">
        <v>11210</v>
      </c>
      <c r="E81" s="12">
        <v>1855.54</v>
      </c>
      <c r="F81" s="12">
        <v>7365.95</v>
      </c>
      <c r="G81" s="12">
        <v>0</v>
      </c>
      <c r="H81" s="12">
        <v>3844.05</v>
      </c>
      <c r="I81" s="12">
        <v>1855.54</v>
      </c>
      <c r="J81" s="12">
        <v>7365.95</v>
      </c>
      <c r="K81" s="12">
        <v>0</v>
      </c>
      <c r="L81" s="12">
        <v>3844.05</v>
      </c>
    </row>
    <row r="82" spans="1:12" x14ac:dyDescent="0.25">
      <c r="A82" s="3" t="s">
        <v>149</v>
      </c>
      <c r="B82" s="5" t="s">
        <v>430</v>
      </c>
      <c r="C82" s="11">
        <v>245087400</v>
      </c>
      <c r="D82" s="11">
        <v>258376155</v>
      </c>
      <c r="E82" s="11">
        <v>46580233.810000002</v>
      </c>
      <c r="F82" s="11">
        <v>165213327.22</v>
      </c>
      <c r="G82" s="11">
        <v>1.57</v>
      </c>
      <c r="H82" s="11">
        <v>93162827.780000001</v>
      </c>
      <c r="I82" s="11">
        <v>50246867.109999999</v>
      </c>
      <c r="J82" s="11">
        <v>161468247.88999999</v>
      </c>
      <c r="K82" s="11">
        <v>1.71</v>
      </c>
      <c r="L82" s="11">
        <v>96907907.109999999</v>
      </c>
    </row>
    <row r="83" spans="1:12" x14ac:dyDescent="0.25">
      <c r="A83" s="2" t="s">
        <v>151</v>
      </c>
      <c r="B83" s="4" t="s">
        <v>431</v>
      </c>
      <c r="C83" s="12">
        <v>9434500</v>
      </c>
      <c r="D83" s="12">
        <v>9434500</v>
      </c>
      <c r="E83" s="12">
        <v>1466657.48</v>
      </c>
      <c r="F83" s="12">
        <v>5820371.1799999997</v>
      </c>
      <c r="G83" s="12">
        <v>0.06</v>
      </c>
      <c r="H83" s="12">
        <v>3614128.82</v>
      </c>
      <c r="I83" s="12">
        <v>1489610.56</v>
      </c>
      <c r="J83" s="12">
        <v>5724237.54</v>
      </c>
      <c r="K83" s="12">
        <v>0.06</v>
      </c>
      <c r="L83" s="12">
        <v>3710262.46</v>
      </c>
    </row>
    <row r="84" spans="1:12" x14ac:dyDescent="0.25">
      <c r="A84" s="2" t="s">
        <v>152</v>
      </c>
      <c r="B84" s="4" t="s">
        <v>432</v>
      </c>
      <c r="C84" s="12">
        <v>228461600</v>
      </c>
      <c r="D84" s="12">
        <v>242403655</v>
      </c>
      <c r="E84" s="12">
        <v>44618982.600000001</v>
      </c>
      <c r="F84" s="12">
        <v>157614516.22999999</v>
      </c>
      <c r="G84" s="12">
        <v>1.49</v>
      </c>
      <c r="H84" s="12">
        <v>84789138.769999996</v>
      </c>
      <c r="I84" s="12">
        <v>48433983.630000003</v>
      </c>
      <c r="J84" s="12">
        <v>154581194.28</v>
      </c>
      <c r="K84" s="12">
        <v>1.64</v>
      </c>
      <c r="L84" s="12">
        <v>87822460.719999999</v>
      </c>
    </row>
    <row r="85" spans="1:12" x14ac:dyDescent="0.25">
      <c r="A85" s="2" t="s">
        <v>153</v>
      </c>
      <c r="B85" s="4" t="s">
        <v>391</v>
      </c>
      <c r="C85" s="12">
        <v>6691300</v>
      </c>
      <c r="D85" s="12">
        <v>6038000</v>
      </c>
      <c r="E85" s="12">
        <v>494593.73</v>
      </c>
      <c r="F85" s="12">
        <v>1778439.81</v>
      </c>
      <c r="G85" s="12">
        <v>0.02</v>
      </c>
      <c r="H85" s="12">
        <v>4259560.1900000004</v>
      </c>
      <c r="I85" s="12">
        <v>323272.92</v>
      </c>
      <c r="J85" s="12">
        <v>1162816.07</v>
      </c>
      <c r="K85" s="12">
        <v>0.01</v>
      </c>
      <c r="L85" s="12">
        <v>4875183.93</v>
      </c>
    </row>
    <row r="86" spans="1:12" x14ac:dyDescent="0.25">
      <c r="A86" s="2" t="s">
        <v>155</v>
      </c>
      <c r="B86" s="4" t="s">
        <v>433</v>
      </c>
      <c r="C86" s="12">
        <v>500000</v>
      </c>
      <c r="D86" s="12">
        <v>500000</v>
      </c>
      <c r="E86" s="12">
        <v>0</v>
      </c>
      <c r="F86" s="12">
        <v>0</v>
      </c>
      <c r="G86" s="12">
        <v>0</v>
      </c>
      <c r="H86" s="12">
        <v>500000</v>
      </c>
      <c r="I86" s="12">
        <v>0</v>
      </c>
      <c r="J86" s="12">
        <v>0</v>
      </c>
      <c r="K86" s="12">
        <v>0</v>
      </c>
      <c r="L86" s="12">
        <v>500000</v>
      </c>
    </row>
    <row r="87" spans="1:12" x14ac:dyDescent="0.25">
      <c r="A87" s="3" t="s">
        <v>157</v>
      </c>
      <c r="B87" s="5" t="s">
        <v>434</v>
      </c>
      <c r="C87" s="11">
        <v>63527300</v>
      </c>
      <c r="D87" s="11">
        <v>58230549</v>
      </c>
      <c r="E87" s="11">
        <v>9586242.9700000007</v>
      </c>
      <c r="F87" s="11">
        <v>17940335.25</v>
      </c>
      <c r="G87" s="11">
        <v>0.17</v>
      </c>
      <c r="H87" s="11">
        <v>40290213.75</v>
      </c>
      <c r="I87" s="11">
        <v>469297.14</v>
      </c>
      <c r="J87" s="11">
        <v>2325421.46</v>
      </c>
      <c r="K87" s="11">
        <v>0.02</v>
      </c>
      <c r="L87" s="11">
        <v>55905127.539999999</v>
      </c>
    </row>
    <row r="88" spans="1:12" x14ac:dyDescent="0.25">
      <c r="A88" s="2" t="s">
        <v>159</v>
      </c>
      <c r="B88" s="4" t="s">
        <v>435</v>
      </c>
      <c r="C88" s="12">
        <v>63527300</v>
      </c>
      <c r="D88" s="12">
        <v>58230549</v>
      </c>
      <c r="E88" s="12">
        <v>9586242.9700000007</v>
      </c>
      <c r="F88" s="12">
        <v>17940335.25</v>
      </c>
      <c r="G88" s="12">
        <v>0.17</v>
      </c>
      <c r="H88" s="12">
        <v>40290213.75</v>
      </c>
      <c r="I88" s="12">
        <v>469297.14</v>
      </c>
      <c r="J88" s="12">
        <v>2325421.46</v>
      </c>
      <c r="K88" s="12">
        <v>0.02</v>
      </c>
      <c r="L88" s="12">
        <v>55905127.539999999</v>
      </c>
    </row>
    <row r="89" spans="1:12" x14ac:dyDescent="0.25">
      <c r="A89" s="3" t="s">
        <v>161</v>
      </c>
      <c r="B89" s="5" t="s">
        <v>436</v>
      </c>
      <c r="C89" s="11">
        <v>21334100</v>
      </c>
      <c r="D89" s="11">
        <v>65901876</v>
      </c>
      <c r="E89" s="11">
        <v>11713535.710000001</v>
      </c>
      <c r="F89" s="11">
        <v>50120829.649999999</v>
      </c>
      <c r="G89" s="11">
        <v>0.47</v>
      </c>
      <c r="H89" s="11">
        <v>15781046.35</v>
      </c>
      <c r="I89" s="11">
        <v>8119996.6600000001</v>
      </c>
      <c r="J89" s="11">
        <v>32095142.66</v>
      </c>
      <c r="K89" s="11">
        <v>0.34</v>
      </c>
      <c r="L89" s="11">
        <v>33806733.340000004</v>
      </c>
    </row>
    <row r="90" spans="1:12" x14ac:dyDescent="0.25">
      <c r="A90" s="2" t="s">
        <v>163</v>
      </c>
      <c r="B90" s="4" t="s">
        <v>383</v>
      </c>
      <c r="C90" s="12">
        <v>10158600</v>
      </c>
      <c r="D90" s="12">
        <v>11106230</v>
      </c>
      <c r="E90" s="12">
        <v>1612940.18</v>
      </c>
      <c r="F90" s="12">
        <v>6851734.4500000002</v>
      </c>
      <c r="G90" s="12">
        <v>0.06</v>
      </c>
      <c r="H90" s="12">
        <v>4254495.55</v>
      </c>
      <c r="I90" s="12">
        <v>1617303.06</v>
      </c>
      <c r="J90" s="12">
        <v>6723922.2999999998</v>
      </c>
      <c r="K90" s="12">
        <v>7.0000000000000007E-2</v>
      </c>
      <c r="L90" s="12">
        <v>4382307.7</v>
      </c>
    </row>
    <row r="91" spans="1:12" x14ac:dyDescent="0.25">
      <c r="A91" s="2" t="s">
        <v>176</v>
      </c>
      <c r="B91" s="4" t="s">
        <v>393</v>
      </c>
      <c r="C91" s="12">
        <v>1000</v>
      </c>
      <c r="D91" s="12">
        <v>1000</v>
      </c>
      <c r="E91" s="12">
        <v>0</v>
      </c>
      <c r="F91" s="12">
        <v>0</v>
      </c>
      <c r="G91" s="12">
        <v>0</v>
      </c>
      <c r="H91" s="12">
        <v>1000</v>
      </c>
      <c r="I91" s="12">
        <v>0</v>
      </c>
      <c r="J91" s="12">
        <v>0</v>
      </c>
      <c r="K91" s="12">
        <v>0</v>
      </c>
      <c r="L91" s="12">
        <v>1000</v>
      </c>
    </row>
    <row r="92" spans="1:12" x14ac:dyDescent="0.25">
      <c r="A92" s="2" t="s">
        <v>178</v>
      </c>
      <c r="B92" s="4" t="s">
        <v>437</v>
      </c>
      <c r="C92" s="12">
        <v>11174500</v>
      </c>
      <c r="D92" s="12">
        <v>54794646</v>
      </c>
      <c r="E92" s="12">
        <v>10100595.529999999</v>
      </c>
      <c r="F92" s="12">
        <v>43269095.200000003</v>
      </c>
      <c r="G92" s="12">
        <v>0.41</v>
      </c>
      <c r="H92" s="12">
        <v>11525550.800000001</v>
      </c>
      <c r="I92" s="12">
        <v>6502693.5999999996</v>
      </c>
      <c r="J92" s="12">
        <v>25371220.359999999</v>
      </c>
      <c r="K92" s="12">
        <v>0.27</v>
      </c>
      <c r="L92" s="12">
        <v>29423425.640000001</v>
      </c>
    </row>
    <row r="93" spans="1:12" x14ac:dyDescent="0.25">
      <c r="A93" s="3" t="s">
        <v>180</v>
      </c>
      <c r="B93" s="5" t="s">
        <v>438</v>
      </c>
      <c r="C93" s="11">
        <v>76898200</v>
      </c>
      <c r="D93" s="11">
        <v>94897793</v>
      </c>
      <c r="E93" s="11">
        <v>18695633.23</v>
      </c>
      <c r="F93" s="11">
        <v>62923735.869999997</v>
      </c>
      <c r="G93" s="11">
        <v>0.6</v>
      </c>
      <c r="H93" s="11">
        <v>31974057.129999999</v>
      </c>
      <c r="I93" s="11">
        <v>5311476.5999999996</v>
      </c>
      <c r="J93" s="11">
        <v>16399827.32</v>
      </c>
      <c r="K93" s="11">
        <v>0.17</v>
      </c>
      <c r="L93" s="11">
        <v>78497965.680000007</v>
      </c>
    </row>
    <row r="94" spans="1:12" x14ac:dyDescent="0.25">
      <c r="A94" s="2" t="s">
        <v>182</v>
      </c>
      <c r="B94" s="4" t="s">
        <v>439</v>
      </c>
      <c r="C94" s="12">
        <v>76898200</v>
      </c>
      <c r="D94" s="12">
        <v>94897793</v>
      </c>
      <c r="E94" s="12">
        <v>18695633.23</v>
      </c>
      <c r="F94" s="12">
        <v>62923735.869999997</v>
      </c>
      <c r="G94" s="12">
        <v>0.6</v>
      </c>
      <c r="H94" s="12">
        <v>31974057.129999999</v>
      </c>
      <c r="I94" s="12">
        <v>5311476.5999999996</v>
      </c>
      <c r="J94" s="12">
        <v>16399827.32</v>
      </c>
      <c r="K94" s="12">
        <v>0.17</v>
      </c>
      <c r="L94" s="12">
        <v>78497965.680000007</v>
      </c>
    </row>
    <row r="95" spans="1:12" x14ac:dyDescent="0.25">
      <c r="A95" s="3" t="s">
        <v>184</v>
      </c>
      <c r="B95" s="5" t="s">
        <v>440</v>
      </c>
      <c r="C95" s="11">
        <v>91319100</v>
      </c>
      <c r="D95" s="11">
        <v>89872897.670000002</v>
      </c>
      <c r="E95" s="11">
        <v>5458435.6900000004</v>
      </c>
      <c r="F95" s="11">
        <v>24025200.02</v>
      </c>
      <c r="G95" s="11">
        <v>0.23</v>
      </c>
      <c r="H95" s="11">
        <v>65847697.649999999</v>
      </c>
      <c r="I95" s="11">
        <v>6521517.6799999997</v>
      </c>
      <c r="J95" s="11">
        <v>22185330.23</v>
      </c>
      <c r="K95" s="11">
        <v>0.23</v>
      </c>
      <c r="L95" s="11">
        <v>67687567.439999998</v>
      </c>
    </row>
    <row r="96" spans="1:12" x14ac:dyDescent="0.25">
      <c r="A96" s="2" t="s">
        <v>186</v>
      </c>
      <c r="B96" s="4" t="s">
        <v>383</v>
      </c>
      <c r="C96" s="12">
        <v>40032200</v>
      </c>
      <c r="D96" s="12">
        <v>37535497.670000002</v>
      </c>
      <c r="E96" s="12">
        <v>4084832.54</v>
      </c>
      <c r="F96" s="12">
        <v>16511285.560000001</v>
      </c>
      <c r="G96" s="12">
        <v>0.16</v>
      </c>
      <c r="H96" s="12">
        <v>21024212.109999999</v>
      </c>
      <c r="I96" s="12">
        <v>4062551.89</v>
      </c>
      <c r="J96" s="12">
        <v>16325261.970000001</v>
      </c>
      <c r="K96" s="12">
        <v>0.17</v>
      </c>
      <c r="L96" s="12">
        <v>21210235.699999999</v>
      </c>
    </row>
    <row r="97" spans="1:12" x14ac:dyDescent="0.25">
      <c r="A97" s="2" t="s">
        <v>188</v>
      </c>
      <c r="B97" s="4" t="s">
        <v>441</v>
      </c>
      <c r="C97" s="12">
        <v>33745000</v>
      </c>
      <c r="D97" s="12">
        <v>33995000</v>
      </c>
      <c r="E97" s="12">
        <v>797703.68000000005</v>
      </c>
      <c r="F97" s="12">
        <v>4024010.5</v>
      </c>
      <c r="G97" s="12">
        <v>0.04</v>
      </c>
      <c r="H97" s="12">
        <v>29970989.5</v>
      </c>
      <c r="I97" s="12">
        <v>1674971.94</v>
      </c>
      <c r="J97" s="12">
        <v>3117743.77</v>
      </c>
      <c r="K97" s="12">
        <v>0.03</v>
      </c>
      <c r="L97" s="12">
        <v>30877256.23</v>
      </c>
    </row>
    <row r="98" spans="1:12" x14ac:dyDescent="0.25">
      <c r="A98" s="2" t="s">
        <v>190</v>
      </c>
      <c r="B98" s="4" t="s">
        <v>442</v>
      </c>
      <c r="C98" s="12">
        <v>16241900</v>
      </c>
      <c r="D98" s="12">
        <v>17042400</v>
      </c>
      <c r="E98" s="12">
        <v>456700.88</v>
      </c>
      <c r="F98" s="12">
        <v>3320807.77</v>
      </c>
      <c r="G98" s="12">
        <v>0.03</v>
      </c>
      <c r="H98" s="12">
        <v>13721592.23</v>
      </c>
      <c r="I98" s="12">
        <v>668637.39</v>
      </c>
      <c r="J98" s="12">
        <v>2580599.1</v>
      </c>
      <c r="K98" s="12">
        <v>0.03</v>
      </c>
      <c r="L98" s="12">
        <v>14461800.9</v>
      </c>
    </row>
    <row r="99" spans="1:12" x14ac:dyDescent="0.25">
      <c r="A99" s="2" t="s">
        <v>192</v>
      </c>
      <c r="B99" s="4" t="s">
        <v>443</v>
      </c>
      <c r="C99" s="12">
        <v>1200000</v>
      </c>
      <c r="D99" s="12">
        <v>1200000</v>
      </c>
      <c r="E99" s="12">
        <v>119198.59</v>
      </c>
      <c r="F99" s="12">
        <v>169096.19</v>
      </c>
      <c r="G99" s="12">
        <v>0</v>
      </c>
      <c r="H99" s="12">
        <v>1030903.81</v>
      </c>
      <c r="I99" s="12">
        <v>115356.46</v>
      </c>
      <c r="J99" s="12">
        <v>161725.39000000001</v>
      </c>
      <c r="K99" s="12">
        <v>0</v>
      </c>
      <c r="L99" s="12">
        <v>1038274.61</v>
      </c>
    </row>
    <row r="100" spans="1:12" x14ac:dyDescent="0.25">
      <c r="A100" s="2" t="s">
        <v>194</v>
      </c>
      <c r="B100" s="4" t="s">
        <v>444</v>
      </c>
      <c r="C100" s="12">
        <v>100000</v>
      </c>
      <c r="D100" s="12">
        <v>100000</v>
      </c>
      <c r="E100" s="12">
        <v>0</v>
      </c>
      <c r="F100" s="12">
        <v>0</v>
      </c>
      <c r="G100" s="12">
        <v>0</v>
      </c>
      <c r="H100" s="12">
        <v>100000</v>
      </c>
      <c r="I100" s="12">
        <v>0</v>
      </c>
      <c r="J100" s="12">
        <v>0</v>
      </c>
      <c r="K100" s="12">
        <v>0</v>
      </c>
      <c r="L100" s="12">
        <v>100000</v>
      </c>
    </row>
    <row r="101" spans="1:12" x14ac:dyDescent="0.25">
      <c r="A101" s="3" t="s">
        <v>196</v>
      </c>
      <c r="B101" s="5" t="s">
        <v>445</v>
      </c>
      <c r="C101" s="11">
        <v>40499600</v>
      </c>
      <c r="D101" s="11">
        <v>41449600</v>
      </c>
      <c r="E101" s="11">
        <v>1909897.61</v>
      </c>
      <c r="F101" s="11">
        <v>6922752.1900000004</v>
      </c>
      <c r="G101" s="11">
        <v>7.0000000000000007E-2</v>
      </c>
      <c r="H101" s="11">
        <v>34526847.810000002</v>
      </c>
      <c r="I101" s="11">
        <v>1570450.03</v>
      </c>
      <c r="J101" s="11">
        <v>5591950.0300000003</v>
      </c>
      <c r="K101" s="11">
        <v>0.06</v>
      </c>
      <c r="L101" s="11">
        <v>35857649.969999999</v>
      </c>
    </row>
    <row r="102" spans="1:12" x14ac:dyDescent="0.25">
      <c r="A102" s="2" t="s">
        <v>198</v>
      </c>
      <c r="B102" s="4" t="s">
        <v>384</v>
      </c>
      <c r="C102" s="12">
        <v>1100100</v>
      </c>
      <c r="D102" s="12">
        <v>1100100</v>
      </c>
      <c r="E102" s="12">
        <v>0</v>
      </c>
      <c r="F102" s="12">
        <v>0</v>
      </c>
      <c r="G102" s="12">
        <v>0</v>
      </c>
      <c r="H102" s="12">
        <v>1100100</v>
      </c>
      <c r="I102" s="12">
        <v>0</v>
      </c>
      <c r="J102" s="12">
        <v>0</v>
      </c>
      <c r="K102" s="12">
        <v>0</v>
      </c>
      <c r="L102" s="12">
        <v>1100100</v>
      </c>
    </row>
    <row r="103" spans="1:12" x14ac:dyDescent="0.25">
      <c r="A103" s="2" t="s">
        <v>200</v>
      </c>
      <c r="B103" s="4" t="s">
        <v>426</v>
      </c>
      <c r="C103" s="12">
        <v>33773200</v>
      </c>
      <c r="D103" s="12">
        <v>33773200</v>
      </c>
      <c r="E103" s="12">
        <v>1126292.27</v>
      </c>
      <c r="F103" s="12">
        <v>5910851.1299999999</v>
      </c>
      <c r="G103" s="12">
        <v>0.06</v>
      </c>
      <c r="H103" s="12">
        <v>27862348.870000001</v>
      </c>
      <c r="I103" s="12">
        <v>1506526.01</v>
      </c>
      <c r="J103" s="12">
        <v>5400519.1500000004</v>
      </c>
      <c r="K103" s="12">
        <v>0.06</v>
      </c>
      <c r="L103" s="12">
        <v>28372680.850000001</v>
      </c>
    </row>
    <row r="104" spans="1:12" x14ac:dyDescent="0.25">
      <c r="A104" s="2" t="s">
        <v>202</v>
      </c>
      <c r="B104" s="4" t="s">
        <v>427</v>
      </c>
      <c r="C104" s="12">
        <v>5626300</v>
      </c>
      <c r="D104" s="12">
        <v>6576300</v>
      </c>
      <c r="E104" s="12">
        <v>783605.34</v>
      </c>
      <c r="F104" s="12">
        <v>1011901.06</v>
      </c>
      <c r="G104" s="12">
        <v>0.01</v>
      </c>
      <c r="H104" s="12">
        <v>5564398.9400000004</v>
      </c>
      <c r="I104" s="12">
        <v>63924.02</v>
      </c>
      <c r="J104" s="12">
        <v>191430.88</v>
      </c>
      <c r="K104" s="12">
        <v>0</v>
      </c>
      <c r="L104" s="12">
        <v>6384869.1200000001</v>
      </c>
    </row>
    <row r="105" spans="1:12" x14ac:dyDescent="0.25">
      <c r="A105" s="3" t="s">
        <v>204</v>
      </c>
      <c r="B105" s="5" t="s">
        <v>446</v>
      </c>
      <c r="C105" s="11">
        <v>199591800</v>
      </c>
      <c r="D105" s="11">
        <v>199322339</v>
      </c>
      <c r="E105" s="11">
        <v>21547814.68</v>
      </c>
      <c r="F105" s="11">
        <v>86095326.459999993</v>
      </c>
      <c r="G105" s="11">
        <v>0.81</v>
      </c>
      <c r="H105" s="11">
        <v>113227012.54000001</v>
      </c>
      <c r="I105" s="11">
        <v>21018774.32</v>
      </c>
      <c r="J105" s="11">
        <v>83656029.030000001</v>
      </c>
      <c r="K105" s="11">
        <v>0.9</v>
      </c>
      <c r="L105" s="11">
        <v>115666309.97</v>
      </c>
    </row>
    <row r="106" spans="1:12" x14ac:dyDescent="0.25">
      <c r="A106" s="2" t="s">
        <v>206</v>
      </c>
      <c r="B106" s="4" t="s">
        <v>383</v>
      </c>
      <c r="C106" s="12">
        <v>114491400</v>
      </c>
      <c r="D106" s="12">
        <v>110015797</v>
      </c>
      <c r="E106" s="12">
        <v>15702806.98</v>
      </c>
      <c r="F106" s="12">
        <v>66451040.189999998</v>
      </c>
      <c r="G106" s="12">
        <v>0.63</v>
      </c>
      <c r="H106" s="12">
        <v>43564756.810000002</v>
      </c>
      <c r="I106" s="12">
        <v>15643666.41</v>
      </c>
      <c r="J106" s="12">
        <v>65573045.109999999</v>
      </c>
      <c r="K106" s="12">
        <v>0.7</v>
      </c>
      <c r="L106" s="12">
        <v>44442751.890000001</v>
      </c>
    </row>
    <row r="107" spans="1:12" x14ac:dyDescent="0.25">
      <c r="A107" s="2" t="s">
        <v>208</v>
      </c>
      <c r="B107" s="4" t="s">
        <v>441</v>
      </c>
      <c r="C107" s="12">
        <v>100</v>
      </c>
      <c r="D107" s="12">
        <v>100</v>
      </c>
      <c r="E107" s="12">
        <v>0</v>
      </c>
      <c r="F107" s="12">
        <v>0</v>
      </c>
      <c r="G107" s="12">
        <v>0</v>
      </c>
      <c r="H107" s="12">
        <v>100</v>
      </c>
      <c r="I107" s="12">
        <v>0</v>
      </c>
      <c r="J107" s="12">
        <v>0</v>
      </c>
      <c r="K107" s="12">
        <v>0</v>
      </c>
      <c r="L107" s="12">
        <v>100</v>
      </c>
    </row>
    <row r="108" spans="1:12" x14ac:dyDescent="0.25">
      <c r="A108" s="2" t="s">
        <v>210</v>
      </c>
      <c r="B108" s="4" t="s">
        <v>442</v>
      </c>
      <c r="C108" s="12">
        <v>587700</v>
      </c>
      <c r="D108" s="12">
        <v>498860</v>
      </c>
      <c r="E108" s="12">
        <v>0</v>
      </c>
      <c r="F108" s="12">
        <v>0</v>
      </c>
      <c r="G108" s="12">
        <v>0</v>
      </c>
      <c r="H108" s="12">
        <v>498860</v>
      </c>
      <c r="I108" s="12">
        <v>0</v>
      </c>
      <c r="J108" s="12">
        <v>0</v>
      </c>
      <c r="K108" s="12">
        <v>0</v>
      </c>
      <c r="L108" s="12">
        <v>498860</v>
      </c>
    </row>
    <row r="109" spans="1:12" x14ac:dyDescent="0.25">
      <c r="A109" s="2" t="s">
        <v>212</v>
      </c>
      <c r="B109" s="4" t="s">
        <v>443</v>
      </c>
      <c r="C109" s="12">
        <v>100</v>
      </c>
      <c r="D109" s="12">
        <v>100</v>
      </c>
      <c r="E109" s="12">
        <v>0</v>
      </c>
      <c r="F109" s="12">
        <v>0</v>
      </c>
      <c r="G109" s="12">
        <v>0</v>
      </c>
      <c r="H109" s="12">
        <v>100</v>
      </c>
      <c r="I109" s="12">
        <v>0</v>
      </c>
      <c r="J109" s="12">
        <v>0</v>
      </c>
      <c r="K109" s="12">
        <v>0</v>
      </c>
      <c r="L109" s="12">
        <v>100</v>
      </c>
    </row>
    <row r="110" spans="1:12" x14ac:dyDescent="0.25">
      <c r="A110" s="2" t="s">
        <v>214</v>
      </c>
      <c r="B110" s="4" t="s">
        <v>444</v>
      </c>
      <c r="C110" s="12">
        <v>584800</v>
      </c>
      <c r="D110" s="12">
        <v>644800</v>
      </c>
      <c r="E110" s="12">
        <v>0</v>
      </c>
      <c r="F110" s="12">
        <v>0</v>
      </c>
      <c r="G110" s="12">
        <v>0</v>
      </c>
      <c r="H110" s="12">
        <v>644800</v>
      </c>
      <c r="I110" s="12">
        <v>0</v>
      </c>
      <c r="J110" s="12">
        <v>0</v>
      </c>
      <c r="K110" s="12">
        <v>0</v>
      </c>
      <c r="L110" s="12">
        <v>644800</v>
      </c>
    </row>
    <row r="111" spans="1:12" x14ac:dyDescent="0.25">
      <c r="A111" s="2" t="s">
        <v>215</v>
      </c>
      <c r="B111" s="4" t="s">
        <v>427</v>
      </c>
      <c r="C111" s="12">
        <v>2748300</v>
      </c>
      <c r="D111" s="12">
        <v>2740305</v>
      </c>
      <c r="E111" s="12">
        <v>0</v>
      </c>
      <c r="F111" s="12">
        <v>0</v>
      </c>
      <c r="G111" s="12">
        <v>0</v>
      </c>
      <c r="H111" s="12">
        <v>2740305</v>
      </c>
      <c r="I111" s="12">
        <v>0</v>
      </c>
      <c r="J111" s="12">
        <v>0</v>
      </c>
      <c r="K111" s="12">
        <v>0</v>
      </c>
      <c r="L111" s="12">
        <v>2740305</v>
      </c>
    </row>
    <row r="112" spans="1:12" x14ac:dyDescent="0.25">
      <c r="A112" s="2" t="s">
        <v>216</v>
      </c>
      <c r="B112" s="4" t="s">
        <v>447</v>
      </c>
      <c r="C112" s="12">
        <v>51245400</v>
      </c>
      <c r="D112" s="12">
        <v>56274537</v>
      </c>
      <c r="E112" s="12">
        <v>3224378.48</v>
      </c>
      <c r="F112" s="12">
        <v>9482908.8100000005</v>
      </c>
      <c r="G112" s="12">
        <v>0.09</v>
      </c>
      <c r="H112" s="12">
        <v>46791628.189999998</v>
      </c>
      <c r="I112" s="12">
        <v>3303295.26</v>
      </c>
      <c r="J112" s="12">
        <v>9077673.8499999996</v>
      </c>
      <c r="K112" s="12">
        <v>0.1</v>
      </c>
      <c r="L112" s="12">
        <v>47196863.149999999</v>
      </c>
    </row>
    <row r="113" spans="1:12" x14ac:dyDescent="0.25">
      <c r="A113" s="2" t="s">
        <v>218</v>
      </c>
      <c r="B113" s="4" t="s">
        <v>448</v>
      </c>
      <c r="C113" s="12">
        <v>100</v>
      </c>
      <c r="D113" s="12">
        <v>100</v>
      </c>
      <c r="E113" s="12">
        <v>0</v>
      </c>
      <c r="F113" s="12">
        <v>0</v>
      </c>
      <c r="G113" s="12">
        <v>0</v>
      </c>
      <c r="H113" s="12">
        <v>100</v>
      </c>
      <c r="I113" s="12">
        <v>0</v>
      </c>
      <c r="J113" s="12">
        <v>0</v>
      </c>
      <c r="K113" s="12">
        <v>0</v>
      </c>
      <c r="L113" s="12">
        <v>100</v>
      </c>
    </row>
    <row r="114" spans="1:12" x14ac:dyDescent="0.25">
      <c r="A114" s="2" t="s">
        <v>220</v>
      </c>
      <c r="B114" s="4" t="s">
        <v>449</v>
      </c>
      <c r="C114" s="12">
        <v>8195800</v>
      </c>
      <c r="D114" s="12">
        <v>8195800</v>
      </c>
      <c r="E114" s="12">
        <v>876330.27</v>
      </c>
      <c r="F114" s="12">
        <v>3376734.46</v>
      </c>
      <c r="G114" s="12">
        <v>0.03</v>
      </c>
      <c r="H114" s="12">
        <v>4819065.54</v>
      </c>
      <c r="I114" s="12">
        <v>320151.21000000002</v>
      </c>
      <c r="J114" s="12">
        <v>2499499.7599999998</v>
      </c>
      <c r="K114" s="12">
        <v>0.03</v>
      </c>
      <c r="L114" s="12">
        <v>5696300.2400000002</v>
      </c>
    </row>
    <row r="115" spans="1:12" x14ac:dyDescent="0.25">
      <c r="A115" s="2" t="s">
        <v>222</v>
      </c>
      <c r="B115" s="4" t="s">
        <v>450</v>
      </c>
      <c r="C115" s="12">
        <v>21738000</v>
      </c>
      <c r="D115" s="12">
        <v>20951840</v>
      </c>
      <c r="E115" s="12">
        <v>1744298.95</v>
      </c>
      <c r="F115" s="12">
        <v>6784643</v>
      </c>
      <c r="G115" s="12">
        <v>0.06</v>
      </c>
      <c r="H115" s="12">
        <v>14167197</v>
      </c>
      <c r="I115" s="12">
        <v>1751661.44</v>
      </c>
      <c r="J115" s="12">
        <v>6505810.3099999996</v>
      </c>
      <c r="K115" s="12">
        <v>7.0000000000000007E-2</v>
      </c>
      <c r="L115" s="12">
        <v>14446029.689999999</v>
      </c>
    </row>
    <row r="116" spans="1:12" x14ac:dyDescent="0.25">
      <c r="A116" s="2" t="s">
        <v>225</v>
      </c>
      <c r="B116" s="4" t="s">
        <v>451</v>
      </c>
      <c r="C116" s="12">
        <v>100</v>
      </c>
      <c r="D116" s="12">
        <v>100</v>
      </c>
      <c r="E116" s="12">
        <v>0</v>
      </c>
      <c r="F116" s="12">
        <v>0</v>
      </c>
      <c r="G116" s="12">
        <v>0</v>
      </c>
      <c r="H116" s="12">
        <v>100</v>
      </c>
      <c r="I116" s="12">
        <v>0</v>
      </c>
      <c r="J116" s="12">
        <v>0</v>
      </c>
      <c r="K116" s="12">
        <v>0</v>
      </c>
      <c r="L116" s="12">
        <v>100</v>
      </c>
    </row>
    <row r="117" spans="1:12" x14ac:dyDescent="0.25">
      <c r="A117" s="3" t="s">
        <v>227</v>
      </c>
      <c r="B117" s="5" t="s">
        <v>452</v>
      </c>
      <c r="C117" s="11">
        <v>4138500</v>
      </c>
      <c r="D117" s="11">
        <v>4357300</v>
      </c>
      <c r="E117" s="11">
        <v>481847.43</v>
      </c>
      <c r="F117" s="11">
        <v>1081968.8899999999</v>
      </c>
      <c r="G117" s="11">
        <v>0.01</v>
      </c>
      <c r="H117" s="11">
        <v>3275331.11</v>
      </c>
      <c r="I117" s="11">
        <v>258150.78</v>
      </c>
      <c r="J117" s="11">
        <v>631494.27</v>
      </c>
      <c r="K117" s="11">
        <v>0.01</v>
      </c>
      <c r="L117" s="11">
        <v>3725805.73</v>
      </c>
    </row>
    <row r="118" spans="1:12" x14ac:dyDescent="0.25">
      <c r="A118" s="2" t="s">
        <v>229</v>
      </c>
      <c r="B118" s="4" t="s">
        <v>453</v>
      </c>
      <c r="C118" s="12">
        <v>4138500</v>
      </c>
      <c r="D118" s="12">
        <v>4357300</v>
      </c>
      <c r="E118" s="12">
        <v>481847.43</v>
      </c>
      <c r="F118" s="12">
        <v>1081968.8899999999</v>
      </c>
      <c r="G118" s="12">
        <v>0.01</v>
      </c>
      <c r="H118" s="12">
        <v>3275331.11</v>
      </c>
      <c r="I118" s="12">
        <v>258150.78</v>
      </c>
      <c r="J118" s="12">
        <v>631494.27</v>
      </c>
      <c r="K118" s="12">
        <v>0.01</v>
      </c>
      <c r="L118" s="12">
        <v>3725805.73</v>
      </c>
    </row>
    <row r="119" spans="1:12" x14ac:dyDescent="0.25">
      <c r="A119" s="3" t="s">
        <v>231</v>
      </c>
      <c r="B119" s="5" t="s">
        <v>454</v>
      </c>
      <c r="C119" s="11">
        <v>150000400</v>
      </c>
      <c r="D119" s="11">
        <v>169412400</v>
      </c>
      <c r="E119" s="11">
        <v>39316746.280000001</v>
      </c>
      <c r="F119" s="11">
        <v>153709076.28</v>
      </c>
      <c r="G119" s="11">
        <v>1.45</v>
      </c>
      <c r="H119" s="11">
        <v>15703323.720000001</v>
      </c>
      <c r="I119" s="11">
        <v>39281975.280000001</v>
      </c>
      <c r="J119" s="11">
        <v>150014390.69</v>
      </c>
      <c r="K119" s="11">
        <v>1.59</v>
      </c>
      <c r="L119" s="11">
        <v>19398009.309999999</v>
      </c>
    </row>
    <row r="120" spans="1:12" x14ac:dyDescent="0.25">
      <c r="A120" s="2" t="s">
        <v>233</v>
      </c>
      <c r="B120" s="4" t="s">
        <v>455</v>
      </c>
      <c r="C120" s="12">
        <v>150000400</v>
      </c>
      <c r="D120" s="12">
        <v>169412400</v>
      </c>
      <c r="E120" s="12">
        <v>39316746.280000001</v>
      </c>
      <c r="F120" s="12">
        <v>153709076.28</v>
      </c>
      <c r="G120" s="12">
        <v>1.45</v>
      </c>
      <c r="H120" s="12">
        <v>15703323.720000001</v>
      </c>
      <c r="I120" s="12">
        <v>39281975.280000001</v>
      </c>
      <c r="J120" s="12">
        <v>150014390.69</v>
      </c>
      <c r="K120" s="12">
        <v>1.59</v>
      </c>
      <c r="L120" s="12">
        <v>19398009.309999999</v>
      </c>
    </row>
    <row r="121" spans="1:12" x14ac:dyDescent="0.25">
      <c r="A121" s="3" t="s">
        <v>235</v>
      </c>
      <c r="B121" s="5" t="s">
        <v>456</v>
      </c>
      <c r="C121" s="11">
        <v>36095100</v>
      </c>
      <c r="D121" s="11">
        <v>37023761</v>
      </c>
      <c r="E121" s="11">
        <v>4713228.97</v>
      </c>
      <c r="F121" s="11">
        <v>16768319.279999999</v>
      </c>
      <c r="G121" s="11">
        <v>0.16</v>
      </c>
      <c r="H121" s="11">
        <v>20255441.719999999</v>
      </c>
      <c r="I121" s="11">
        <v>4696752.2699999996</v>
      </c>
      <c r="J121" s="11">
        <v>15544259.48</v>
      </c>
      <c r="K121" s="11">
        <v>0.16</v>
      </c>
      <c r="L121" s="11">
        <v>21479501.52</v>
      </c>
    </row>
    <row r="122" spans="1:12" x14ac:dyDescent="0.25">
      <c r="A122" s="2" t="s">
        <v>237</v>
      </c>
      <c r="B122" s="4" t="s">
        <v>455</v>
      </c>
      <c r="C122" s="12">
        <v>700</v>
      </c>
      <c r="D122" s="12">
        <v>700</v>
      </c>
      <c r="E122" s="12">
        <v>0</v>
      </c>
      <c r="F122" s="12">
        <v>0</v>
      </c>
      <c r="G122" s="12">
        <v>0</v>
      </c>
      <c r="H122" s="12">
        <v>700</v>
      </c>
      <c r="I122" s="12">
        <v>0</v>
      </c>
      <c r="J122" s="12">
        <v>0</v>
      </c>
      <c r="K122" s="12">
        <v>0</v>
      </c>
      <c r="L122" s="12">
        <v>700</v>
      </c>
    </row>
    <row r="123" spans="1:12" x14ac:dyDescent="0.25">
      <c r="A123" s="2" t="s">
        <v>239</v>
      </c>
      <c r="B123" s="4" t="s">
        <v>457</v>
      </c>
      <c r="C123" s="12">
        <v>15480300</v>
      </c>
      <c r="D123" s="12">
        <v>15480300</v>
      </c>
      <c r="E123" s="12">
        <v>1593717.09</v>
      </c>
      <c r="F123" s="12">
        <v>7240753.5499999998</v>
      </c>
      <c r="G123" s="12">
        <v>7.0000000000000007E-2</v>
      </c>
      <c r="H123" s="12">
        <v>8239546.4500000002</v>
      </c>
      <c r="I123" s="12">
        <v>1721102.06</v>
      </c>
      <c r="J123" s="12">
        <v>7022917.5599999996</v>
      </c>
      <c r="K123" s="12">
        <v>7.0000000000000007E-2</v>
      </c>
      <c r="L123" s="12">
        <v>8457382.4399999995</v>
      </c>
    </row>
    <row r="124" spans="1:12" x14ac:dyDescent="0.25">
      <c r="A124" s="2" t="s">
        <v>241</v>
      </c>
      <c r="B124" s="4" t="s">
        <v>451</v>
      </c>
      <c r="C124" s="12">
        <v>100</v>
      </c>
      <c r="D124" s="12">
        <v>100</v>
      </c>
      <c r="E124" s="12">
        <v>0</v>
      </c>
      <c r="F124" s="12">
        <v>0</v>
      </c>
      <c r="G124" s="12">
        <v>0</v>
      </c>
      <c r="H124" s="12">
        <v>100</v>
      </c>
      <c r="I124" s="12">
        <v>0</v>
      </c>
      <c r="J124" s="12">
        <v>0</v>
      </c>
      <c r="K124" s="12">
        <v>0</v>
      </c>
      <c r="L124" s="12">
        <v>100</v>
      </c>
    </row>
    <row r="125" spans="1:12" x14ac:dyDescent="0.25">
      <c r="A125" s="2" t="s">
        <v>243</v>
      </c>
      <c r="B125" s="4" t="s">
        <v>458</v>
      </c>
      <c r="C125" s="12">
        <v>9610900</v>
      </c>
      <c r="D125" s="12">
        <v>9738634</v>
      </c>
      <c r="E125" s="12">
        <v>1301718.67</v>
      </c>
      <c r="F125" s="12">
        <v>5278273.63</v>
      </c>
      <c r="G125" s="12">
        <v>0.05</v>
      </c>
      <c r="H125" s="12">
        <v>4460360.37</v>
      </c>
      <c r="I125" s="12">
        <v>1319175.3600000001</v>
      </c>
      <c r="J125" s="12">
        <v>5184161.32</v>
      </c>
      <c r="K125" s="12">
        <v>0.05</v>
      </c>
      <c r="L125" s="12">
        <v>4554472.68</v>
      </c>
    </row>
    <row r="126" spans="1:12" x14ac:dyDescent="0.25">
      <c r="A126" s="2" t="s">
        <v>245</v>
      </c>
      <c r="B126" s="4" t="s">
        <v>459</v>
      </c>
      <c r="C126" s="12">
        <v>11003100</v>
      </c>
      <c r="D126" s="12">
        <v>11804027</v>
      </c>
      <c r="E126" s="12">
        <v>1817793.21</v>
      </c>
      <c r="F126" s="12">
        <v>4249292.0999999996</v>
      </c>
      <c r="G126" s="12">
        <v>0.04</v>
      </c>
      <c r="H126" s="12">
        <v>7554734.9000000004</v>
      </c>
      <c r="I126" s="12">
        <v>1656474.85</v>
      </c>
      <c r="J126" s="12">
        <v>3337180.6</v>
      </c>
      <c r="K126" s="12">
        <v>0.04</v>
      </c>
      <c r="L126" s="12">
        <v>8466846.4000000004</v>
      </c>
    </row>
    <row r="127" spans="1:12" x14ac:dyDescent="0.25">
      <c r="A127" s="3" t="s">
        <v>247</v>
      </c>
      <c r="B127" s="5" t="s">
        <v>460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  <c r="I127" s="11">
        <v>0</v>
      </c>
      <c r="J127" s="11">
        <v>0</v>
      </c>
      <c r="K127" s="11">
        <v>0</v>
      </c>
      <c r="L127" s="11">
        <v>0</v>
      </c>
    </row>
    <row r="128" spans="1:12" x14ac:dyDescent="0.25">
      <c r="A128" s="2" t="s">
        <v>249</v>
      </c>
      <c r="B128" s="4" t="s">
        <v>386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  <c r="K128" s="12">
        <v>0</v>
      </c>
      <c r="L128" s="12">
        <v>0</v>
      </c>
    </row>
    <row r="129" spans="1:12" x14ac:dyDescent="0.25">
      <c r="A129" s="3" t="s">
        <v>251</v>
      </c>
      <c r="B129" s="5" t="s">
        <v>461</v>
      </c>
      <c r="C129" s="11">
        <v>5556000</v>
      </c>
      <c r="D129" s="11">
        <v>1465503</v>
      </c>
      <c r="E129" s="11">
        <v>339975.67</v>
      </c>
      <c r="F129" s="11">
        <v>461483.97</v>
      </c>
      <c r="G129" s="11">
        <v>0</v>
      </c>
      <c r="H129" s="11">
        <v>1004019.03</v>
      </c>
      <c r="I129" s="11">
        <v>0</v>
      </c>
      <c r="J129" s="11">
        <v>61165.8</v>
      </c>
      <c r="K129" s="11">
        <v>0</v>
      </c>
      <c r="L129" s="11">
        <v>1404337.2</v>
      </c>
    </row>
    <row r="130" spans="1:12" x14ac:dyDescent="0.25">
      <c r="A130" s="2" t="s">
        <v>253</v>
      </c>
      <c r="B130" s="4" t="s">
        <v>462</v>
      </c>
      <c r="C130" s="12">
        <v>330000</v>
      </c>
      <c r="D130" s="12">
        <v>330000</v>
      </c>
      <c r="E130" s="12">
        <v>0</v>
      </c>
      <c r="F130" s="12">
        <v>0</v>
      </c>
      <c r="G130" s="12">
        <v>0</v>
      </c>
      <c r="H130" s="12">
        <v>330000</v>
      </c>
      <c r="I130" s="12">
        <v>0</v>
      </c>
      <c r="J130" s="12">
        <v>0</v>
      </c>
      <c r="K130" s="12">
        <v>0</v>
      </c>
      <c r="L130" s="12">
        <v>330000</v>
      </c>
    </row>
    <row r="131" spans="1:12" x14ac:dyDescent="0.25">
      <c r="A131" s="2" t="s">
        <v>255</v>
      </c>
      <c r="B131" s="4" t="s">
        <v>463</v>
      </c>
      <c r="C131" s="12">
        <v>5226000</v>
      </c>
      <c r="D131" s="12">
        <v>1135503</v>
      </c>
      <c r="E131" s="12">
        <v>339975.67</v>
      </c>
      <c r="F131" s="12">
        <v>461483.97</v>
      </c>
      <c r="G131" s="12">
        <v>0</v>
      </c>
      <c r="H131" s="12">
        <v>674019.03</v>
      </c>
      <c r="I131" s="12">
        <v>0</v>
      </c>
      <c r="J131" s="12">
        <v>61165.8</v>
      </c>
      <c r="K131" s="12">
        <v>0</v>
      </c>
      <c r="L131" s="12">
        <v>1074337.2</v>
      </c>
    </row>
    <row r="132" spans="1:12" x14ac:dyDescent="0.25">
      <c r="A132" s="3" t="s">
        <v>257</v>
      </c>
      <c r="B132" s="5" t="s">
        <v>464</v>
      </c>
      <c r="C132" s="11">
        <v>788830100</v>
      </c>
      <c r="D132" s="11">
        <v>786121663.12</v>
      </c>
      <c r="E132" s="11">
        <v>103363581.44</v>
      </c>
      <c r="F132" s="11">
        <v>624057484.82000005</v>
      </c>
      <c r="G132" s="11">
        <v>5.9</v>
      </c>
      <c r="H132" s="11">
        <v>162064178.30000001</v>
      </c>
      <c r="I132" s="11">
        <v>133255500.48</v>
      </c>
      <c r="J132" s="11">
        <v>422264172.64999998</v>
      </c>
      <c r="K132" s="11">
        <v>4.47</v>
      </c>
      <c r="L132" s="11">
        <v>363857490.47000003</v>
      </c>
    </row>
    <row r="133" spans="1:12" x14ac:dyDescent="0.25">
      <c r="A133" s="2" t="s">
        <v>259</v>
      </c>
      <c r="B133" s="4" t="s">
        <v>383</v>
      </c>
      <c r="C133" s="12">
        <v>101565000</v>
      </c>
      <c r="D133" s="12">
        <v>88653425.120000005</v>
      </c>
      <c r="E133" s="12">
        <v>9513657.4900000002</v>
      </c>
      <c r="F133" s="12">
        <v>40297184.369999997</v>
      </c>
      <c r="G133" s="12">
        <v>0.38</v>
      </c>
      <c r="H133" s="12">
        <v>48356240.75</v>
      </c>
      <c r="I133" s="12">
        <v>10029424.76</v>
      </c>
      <c r="J133" s="12">
        <v>39047780.049999997</v>
      </c>
      <c r="K133" s="12">
        <v>0.41</v>
      </c>
      <c r="L133" s="12">
        <v>49605645.07</v>
      </c>
    </row>
    <row r="134" spans="1:12" x14ac:dyDescent="0.25">
      <c r="A134" s="2" t="s">
        <v>261</v>
      </c>
      <c r="B134" s="4" t="s">
        <v>465</v>
      </c>
      <c r="C134" s="12">
        <v>917000</v>
      </c>
      <c r="D134" s="12">
        <v>13374944</v>
      </c>
      <c r="E134" s="12">
        <v>73881.929999999993</v>
      </c>
      <c r="F134" s="12">
        <v>4169848.55</v>
      </c>
      <c r="G134" s="12">
        <v>0.04</v>
      </c>
      <c r="H134" s="12">
        <v>9205095.4499999993</v>
      </c>
      <c r="I134" s="12">
        <v>4005815.31</v>
      </c>
      <c r="J134" s="12">
        <v>4053315.31</v>
      </c>
      <c r="K134" s="12">
        <v>0.04</v>
      </c>
      <c r="L134" s="12">
        <v>9321628.6899999995</v>
      </c>
    </row>
    <row r="135" spans="1:12" x14ac:dyDescent="0.25">
      <c r="A135" s="2" t="s">
        <v>263</v>
      </c>
      <c r="B135" s="4" t="s">
        <v>466</v>
      </c>
      <c r="C135" s="12">
        <v>686228100</v>
      </c>
      <c r="D135" s="12">
        <v>683973294</v>
      </c>
      <c r="E135" s="12">
        <v>93776042.019999996</v>
      </c>
      <c r="F135" s="12">
        <v>579590451.89999998</v>
      </c>
      <c r="G135" s="12">
        <v>5.48</v>
      </c>
      <c r="H135" s="12">
        <v>104382842.09999999</v>
      </c>
      <c r="I135" s="12">
        <v>119220260.41</v>
      </c>
      <c r="J135" s="12">
        <v>379163077.29000002</v>
      </c>
      <c r="K135" s="12">
        <v>4.0199999999999996</v>
      </c>
      <c r="L135" s="12">
        <v>304810216.70999998</v>
      </c>
    </row>
    <row r="136" spans="1:12" x14ac:dyDescent="0.25">
      <c r="A136" s="2" t="s">
        <v>265</v>
      </c>
      <c r="B136" s="4" t="s">
        <v>467</v>
      </c>
      <c r="C136" s="12">
        <v>110000</v>
      </c>
      <c r="D136" s="12">
        <v>110000</v>
      </c>
      <c r="E136" s="12">
        <v>0</v>
      </c>
      <c r="F136" s="12">
        <v>0</v>
      </c>
      <c r="G136" s="12">
        <v>0</v>
      </c>
      <c r="H136" s="12">
        <v>110000</v>
      </c>
      <c r="I136" s="12">
        <v>0</v>
      </c>
      <c r="J136" s="12">
        <v>0</v>
      </c>
      <c r="K136" s="12">
        <v>0</v>
      </c>
      <c r="L136" s="12">
        <v>110000</v>
      </c>
    </row>
    <row r="137" spans="1:12" x14ac:dyDescent="0.25">
      <c r="A137" s="2" t="s">
        <v>267</v>
      </c>
      <c r="B137" s="4" t="s">
        <v>468</v>
      </c>
      <c r="C137" s="12">
        <v>10000</v>
      </c>
      <c r="D137" s="12">
        <v>10000</v>
      </c>
      <c r="E137" s="12">
        <v>0</v>
      </c>
      <c r="F137" s="12">
        <v>0</v>
      </c>
      <c r="G137" s="12">
        <v>0</v>
      </c>
      <c r="H137" s="12">
        <v>10000</v>
      </c>
      <c r="I137" s="12">
        <v>0</v>
      </c>
      <c r="J137" s="12">
        <v>0</v>
      </c>
      <c r="K137" s="12">
        <v>0</v>
      </c>
      <c r="L137" s="12">
        <v>10000</v>
      </c>
    </row>
    <row r="138" spans="1:12" x14ac:dyDescent="0.25">
      <c r="A138" s="3" t="s">
        <v>269</v>
      </c>
      <c r="B138" s="5" t="s">
        <v>469</v>
      </c>
      <c r="C138" s="11">
        <v>26881600</v>
      </c>
      <c r="D138" s="11">
        <v>32370143.239999998</v>
      </c>
      <c r="E138" s="11">
        <v>2512694.12</v>
      </c>
      <c r="F138" s="11">
        <v>10392419.449999999</v>
      </c>
      <c r="G138" s="11">
        <v>0.1</v>
      </c>
      <c r="H138" s="11">
        <v>21977723.789999999</v>
      </c>
      <c r="I138" s="11">
        <v>3454929.1</v>
      </c>
      <c r="J138" s="11">
        <v>8831442.0399999991</v>
      </c>
      <c r="K138" s="11">
        <v>0.09</v>
      </c>
      <c r="L138" s="11">
        <v>23538701.199999999</v>
      </c>
    </row>
    <row r="139" spans="1:12" x14ac:dyDescent="0.25">
      <c r="A139" s="2" t="s">
        <v>271</v>
      </c>
      <c r="B139" s="4" t="s">
        <v>470</v>
      </c>
      <c r="C139" s="12">
        <v>5696600</v>
      </c>
      <c r="D139" s="12">
        <v>10667061.91</v>
      </c>
      <c r="E139" s="12">
        <v>1299814.44</v>
      </c>
      <c r="F139" s="12">
        <v>3962799.62</v>
      </c>
      <c r="G139" s="12">
        <v>0.04</v>
      </c>
      <c r="H139" s="12">
        <v>6704262.29</v>
      </c>
      <c r="I139" s="12">
        <v>980646.92</v>
      </c>
      <c r="J139" s="12">
        <v>2988683.95</v>
      </c>
      <c r="K139" s="12">
        <v>0.03</v>
      </c>
      <c r="L139" s="12">
        <v>7678377.96</v>
      </c>
    </row>
    <row r="140" spans="1:12" x14ac:dyDescent="0.25">
      <c r="A140" s="2" t="s">
        <v>273</v>
      </c>
      <c r="B140" s="4" t="s">
        <v>471</v>
      </c>
      <c r="C140" s="12">
        <v>21185000</v>
      </c>
      <c r="D140" s="12">
        <v>21703081.329999998</v>
      </c>
      <c r="E140" s="12">
        <v>1212879.68</v>
      </c>
      <c r="F140" s="12">
        <v>6429619.8300000001</v>
      </c>
      <c r="G140" s="12">
        <v>0.06</v>
      </c>
      <c r="H140" s="12">
        <v>15273461.5</v>
      </c>
      <c r="I140" s="12">
        <v>2474282.1800000002</v>
      </c>
      <c r="J140" s="12">
        <v>5842758.0899999999</v>
      </c>
      <c r="K140" s="12">
        <v>0.06</v>
      </c>
      <c r="L140" s="12">
        <v>15860323.24</v>
      </c>
    </row>
    <row r="141" spans="1:12" x14ac:dyDescent="0.25">
      <c r="A141" s="3" t="s">
        <v>275</v>
      </c>
      <c r="B141" s="5" t="s">
        <v>472</v>
      </c>
      <c r="C141" s="11">
        <v>802553400</v>
      </c>
      <c r="D141" s="11">
        <v>829599537.08000004</v>
      </c>
      <c r="E141" s="11">
        <v>59808333.350000001</v>
      </c>
      <c r="F141" s="11">
        <v>299506075.92000002</v>
      </c>
      <c r="G141" s="11">
        <v>2.83</v>
      </c>
      <c r="H141" s="11">
        <v>530093461.16000003</v>
      </c>
      <c r="I141" s="11">
        <v>58909014.5</v>
      </c>
      <c r="J141" s="11">
        <v>280947634.10000002</v>
      </c>
      <c r="K141" s="11">
        <v>2.98</v>
      </c>
      <c r="L141" s="11">
        <v>548651902.98000002</v>
      </c>
    </row>
    <row r="142" spans="1:12" x14ac:dyDescent="0.25">
      <c r="A142" s="2" t="s">
        <v>277</v>
      </c>
      <c r="B142" s="4" t="s">
        <v>473</v>
      </c>
      <c r="C142" s="12">
        <v>408161200</v>
      </c>
      <c r="D142" s="12">
        <v>430141200</v>
      </c>
      <c r="E142" s="12">
        <v>12254086.640000001</v>
      </c>
      <c r="F142" s="12">
        <v>61395153.899999999</v>
      </c>
      <c r="G142" s="12">
        <v>0.57999999999999996</v>
      </c>
      <c r="H142" s="12">
        <v>368746046.10000002</v>
      </c>
      <c r="I142" s="12">
        <v>12254086.640000001</v>
      </c>
      <c r="J142" s="12">
        <v>61352310.789999999</v>
      </c>
      <c r="K142" s="12">
        <v>0.65</v>
      </c>
      <c r="L142" s="12">
        <v>368788889.20999998</v>
      </c>
    </row>
    <row r="143" spans="1:12" x14ac:dyDescent="0.25">
      <c r="A143" s="2" t="s">
        <v>279</v>
      </c>
      <c r="B143" s="4" t="s">
        <v>405</v>
      </c>
      <c r="C143" s="12">
        <v>166930600</v>
      </c>
      <c r="D143" s="12">
        <v>166930600</v>
      </c>
      <c r="E143" s="12">
        <v>28313046.579999998</v>
      </c>
      <c r="F143" s="12">
        <v>105456947.81999999</v>
      </c>
      <c r="G143" s="12">
        <v>1</v>
      </c>
      <c r="H143" s="12">
        <v>61473652.18</v>
      </c>
      <c r="I143" s="12">
        <v>28313046.579999998</v>
      </c>
      <c r="J143" s="12">
        <v>105456947.81999999</v>
      </c>
      <c r="K143" s="12">
        <v>1.1200000000000001</v>
      </c>
      <c r="L143" s="12">
        <v>61473652.18</v>
      </c>
    </row>
    <row r="144" spans="1:12" x14ac:dyDescent="0.25">
      <c r="A144" s="2" t="s">
        <v>281</v>
      </c>
      <c r="B144" s="4" t="s">
        <v>474</v>
      </c>
      <c r="C144" s="12">
        <v>46245300</v>
      </c>
      <c r="D144" s="12">
        <v>48555300</v>
      </c>
      <c r="E144" s="12">
        <v>0</v>
      </c>
      <c r="F144" s="12">
        <v>25010584.66</v>
      </c>
      <c r="G144" s="12">
        <v>0.24</v>
      </c>
      <c r="H144" s="12">
        <v>23544715.34</v>
      </c>
      <c r="I144" s="12">
        <v>0</v>
      </c>
      <c r="J144" s="12">
        <v>25010584.66</v>
      </c>
      <c r="K144" s="12">
        <v>0.27</v>
      </c>
      <c r="L144" s="12">
        <v>23544715.34</v>
      </c>
    </row>
    <row r="145" spans="1:12" x14ac:dyDescent="0.25">
      <c r="A145" s="2" t="s">
        <v>283</v>
      </c>
      <c r="B145" s="4" t="s">
        <v>475</v>
      </c>
      <c r="C145" s="12">
        <v>33000000</v>
      </c>
      <c r="D145" s="12">
        <v>33000000</v>
      </c>
      <c r="E145" s="12">
        <v>5500000</v>
      </c>
      <c r="F145" s="12">
        <v>24750000</v>
      </c>
      <c r="G145" s="12">
        <v>0.23</v>
      </c>
      <c r="H145" s="12">
        <v>8250000</v>
      </c>
      <c r="I145" s="12">
        <v>5500000</v>
      </c>
      <c r="J145" s="12">
        <v>24750000</v>
      </c>
      <c r="K145" s="12">
        <v>0.26</v>
      </c>
      <c r="L145" s="12">
        <v>8250000</v>
      </c>
    </row>
    <row r="146" spans="1:12" x14ac:dyDescent="0.25">
      <c r="A146" s="2" t="s">
        <v>285</v>
      </c>
      <c r="B146" s="4" t="s">
        <v>387</v>
      </c>
      <c r="C146" s="12">
        <v>148216300</v>
      </c>
      <c r="D146" s="12">
        <v>150972437.08000001</v>
      </c>
      <c r="E146" s="12">
        <v>13741200.130000001</v>
      </c>
      <c r="F146" s="12">
        <v>82893389.540000007</v>
      </c>
      <c r="G146" s="12">
        <v>0.78</v>
      </c>
      <c r="H146" s="12">
        <v>68079047.540000007</v>
      </c>
      <c r="I146" s="12">
        <v>12841881.279999999</v>
      </c>
      <c r="J146" s="12">
        <v>64377790.829999998</v>
      </c>
      <c r="K146" s="12">
        <v>0.68</v>
      </c>
      <c r="L146" s="12">
        <v>86594646.25</v>
      </c>
    </row>
    <row r="147" spans="1:12" x14ac:dyDescent="0.25">
      <c r="A147" s="3" t="s">
        <v>287</v>
      </c>
      <c r="B147" s="5" t="s">
        <v>476</v>
      </c>
      <c r="C147" s="11">
        <v>126439400</v>
      </c>
      <c r="D147" s="11">
        <v>0</v>
      </c>
      <c r="E147" s="11">
        <v>0</v>
      </c>
      <c r="F147" s="11">
        <v>0</v>
      </c>
      <c r="G147" s="11">
        <v>0</v>
      </c>
      <c r="H147" s="11">
        <v>0</v>
      </c>
      <c r="I147" s="11">
        <v>0</v>
      </c>
      <c r="J147" s="11">
        <v>0</v>
      </c>
      <c r="K147" s="11">
        <v>0</v>
      </c>
      <c r="L147" s="11">
        <v>0</v>
      </c>
    </row>
    <row r="148" spans="1:12" x14ac:dyDescent="0.25">
      <c r="A148" s="2" t="s">
        <v>289</v>
      </c>
      <c r="B148" s="4" t="s">
        <v>477</v>
      </c>
      <c r="C148" s="12">
        <v>12643940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  <c r="J148" s="12">
        <v>0</v>
      </c>
      <c r="K148" s="12">
        <v>0</v>
      </c>
      <c r="L148" s="12">
        <v>0</v>
      </c>
    </row>
    <row r="149" spans="1:12" x14ac:dyDescent="0.25">
      <c r="A149" s="3" t="s">
        <v>291</v>
      </c>
      <c r="B149" s="5" t="s">
        <v>478</v>
      </c>
      <c r="C149" s="11">
        <v>1386860500</v>
      </c>
      <c r="D149" s="11">
        <v>2084081889.46</v>
      </c>
      <c r="E149" s="11">
        <v>255553685.31</v>
      </c>
      <c r="F149" s="11">
        <v>1489778959.1500001</v>
      </c>
      <c r="G149" s="11">
        <v>14.1</v>
      </c>
      <c r="H149" s="11">
        <v>594302930.30999994</v>
      </c>
      <c r="I149" s="11">
        <v>281516463.19</v>
      </c>
      <c r="J149" s="11">
        <v>1435909527.4300001</v>
      </c>
      <c r="K149" s="11">
        <v>15.23</v>
      </c>
      <c r="L149" s="11">
        <v>648172362.02999997</v>
      </c>
    </row>
    <row r="150" spans="1:12" x14ac:dyDescent="0.25">
      <c r="A150" s="3" t="s">
        <v>293</v>
      </c>
      <c r="B150" s="5" t="s">
        <v>378</v>
      </c>
      <c r="C150" s="11">
        <v>94277200</v>
      </c>
      <c r="D150" s="11">
        <v>94577200</v>
      </c>
      <c r="E150" s="11">
        <v>15476508.99</v>
      </c>
      <c r="F150" s="11">
        <v>60627230.210000001</v>
      </c>
      <c r="G150" s="11">
        <v>0.56999999999999995</v>
      </c>
      <c r="H150" s="11">
        <v>33949969.789999999</v>
      </c>
      <c r="I150" s="11">
        <v>15658446.699999999</v>
      </c>
      <c r="J150" s="11">
        <v>60624167.939999998</v>
      </c>
      <c r="K150" s="11">
        <v>0.64</v>
      </c>
      <c r="L150" s="11">
        <v>33953032.060000002</v>
      </c>
    </row>
    <row r="151" spans="1:12" x14ac:dyDescent="0.25">
      <c r="A151" s="2" t="s">
        <v>295</v>
      </c>
      <c r="B151" s="4" t="s">
        <v>379</v>
      </c>
      <c r="C151" s="12">
        <v>47477200</v>
      </c>
      <c r="D151" s="12">
        <v>47777200</v>
      </c>
      <c r="E151" s="12">
        <v>7003365.3399999999</v>
      </c>
      <c r="F151" s="12">
        <v>27351103.960000001</v>
      </c>
      <c r="G151" s="12">
        <v>0.26</v>
      </c>
      <c r="H151" s="12">
        <v>20426096.039999999</v>
      </c>
      <c r="I151" s="12">
        <v>7003365.3399999999</v>
      </c>
      <c r="J151" s="12">
        <v>27351103.960000001</v>
      </c>
      <c r="K151" s="12">
        <v>0.28999999999999998</v>
      </c>
      <c r="L151" s="12">
        <v>20426096.039999999</v>
      </c>
    </row>
    <row r="152" spans="1:12" x14ac:dyDescent="0.25">
      <c r="A152" s="2" t="s">
        <v>297</v>
      </c>
      <c r="B152" s="4" t="s">
        <v>380</v>
      </c>
      <c r="C152" s="12">
        <v>46800000</v>
      </c>
      <c r="D152" s="12">
        <v>46800000</v>
      </c>
      <c r="E152" s="12">
        <v>8473143.6500000004</v>
      </c>
      <c r="F152" s="12">
        <v>33276126.25</v>
      </c>
      <c r="G152" s="12">
        <v>0.31</v>
      </c>
      <c r="H152" s="12">
        <v>13523873.75</v>
      </c>
      <c r="I152" s="12">
        <v>8655081.3599999994</v>
      </c>
      <c r="J152" s="12">
        <v>33273063.98</v>
      </c>
      <c r="K152" s="12">
        <v>0.35</v>
      </c>
      <c r="L152" s="12">
        <v>13526936.02</v>
      </c>
    </row>
    <row r="153" spans="1:12" x14ac:dyDescent="0.25">
      <c r="A153" s="3" t="s">
        <v>299</v>
      </c>
      <c r="B153" s="5" t="s">
        <v>381</v>
      </c>
      <c r="C153" s="11">
        <v>144772000</v>
      </c>
      <c r="D153" s="11">
        <v>150245650.91</v>
      </c>
      <c r="E153" s="11">
        <v>0</v>
      </c>
      <c r="F153" s="11">
        <v>144922000</v>
      </c>
      <c r="G153" s="11">
        <v>1.37</v>
      </c>
      <c r="H153" s="11">
        <v>5323650.91</v>
      </c>
      <c r="I153" s="11">
        <v>23905291.899999999</v>
      </c>
      <c r="J153" s="11">
        <v>97608481.299999997</v>
      </c>
      <c r="K153" s="11">
        <v>1.04</v>
      </c>
      <c r="L153" s="11">
        <v>52637169.609999999</v>
      </c>
    </row>
    <row r="154" spans="1:12" x14ac:dyDescent="0.25">
      <c r="A154" s="2" t="s">
        <v>301</v>
      </c>
      <c r="B154" s="4" t="s">
        <v>383</v>
      </c>
      <c r="C154" s="12">
        <v>144772000</v>
      </c>
      <c r="D154" s="12">
        <v>150245650.91</v>
      </c>
      <c r="E154" s="12">
        <v>0</v>
      </c>
      <c r="F154" s="12">
        <v>144922000</v>
      </c>
      <c r="G154" s="12">
        <v>1.37</v>
      </c>
      <c r="H154" s="12">
        <v>5323650.91</v>
      </c>
      <c r="I154" s="12">
        <v>23905291.899999999</v>
      </c>
      <c r="J154" s="12">
        <v>97608481.299999997</v>
      </c>
      <c r="K154" s="12">
        <v>1.04</v>
      </c>
      <c r="L154" s="12">
        <v>52637169.609999999</v>
      </c>
    </row>
    <row r="155" spans="1:12" x14ac:dyDescent="0.25">
      <c r="A155" s="3" t="s">
        <v>303</v>
      </c>
      <c r="B155" s="5" t="s">
        <v>388</v>
      </c>
      <c r="C155" s="11">
        <v>81683000</v>
      </c>
      <c r="D155" s="11">
        <v>94550760.129999995</v>
      </c>
      <c r="E155" s="11">
        <v>13157743.73</v>
      </c>
      <c r="F155" s="11">
        <v>54471707.609999999</v>
      </c>
      <c r="G155" s="11">
        <v>0.52</v>
      </c>
      <c r="H155" s="11">
        <v>40079052.520000003</v>
      </c>
      <c r="I155" s="11">
        <v>13157743.73</v>
      </c>
      <c r="J155" s="11">
        <v>54471707.609999999</v>
      </c>
      <c r="K155" s="11">
        <v>0.57999999999999996</v>
      </c>
      <c r="L155" s="11">
        <v>40079052.520000003</v>
      </c>
    </row>
    <row r="156" spans="1:12" x14ac:dyDescent="0.25">
      <c r="A156" s="2" t="s">
        <v>305</v>
      </c>
      <c r="B156" s="4" t="s">
        <v>389</v>
      </c>
      <c r="C156" s="12">
        <v>50761200</v>
      </c>
      <c r="D156" s="12">
        <v>50761200</v>
      </c>
      <c r="E156" s="12">
        <v>7136992.4400000004</v>
      </c>
      <c r="F156" s="12">
        <v>28343753.34</v>
      </c>
      <c r="G156" s="12">
        <v>0.27</v>
      </c>
      <c r="H156" s="12">
        <v>22417446.66</v>
      </c>
      <c r="I156" s="12">
        <v>7136992.4400000004</v>
      </c>
      <c r="J156" s="12">
        <v>28343753.34</v>
      </c>
      <c r="K156" s="12">
        <v>0.3</v>
      </c>
      <c r="L156" s="12">
        <v>22417446.66</v>
      </c>
    </row>
    <row r="157" spans="1:12" x14ac:dyDescent="0.25">
      <c r="A157" s="2" t="s">
        <v>307</v>
      </c>
      <c r="B157" s="4" t="s">
        <v>390</v>
      </c>
      <c r="C157" s="12">
        <v>1496800</v>
      </c>
      <c r="D157" s="12">
        <v>14679100</v>
      </c>
      <c r="E157" s="12">
        <v>2100491.91</v>
      </c>
      <c r="F157" s="12">
        <v>8444198.1400000006</v>
      </c>
      <c r="G157" s="12">
        <v>0.08</v>
      </c>
      <c r="H157" s="12">
        <v>6234901.8600000003</v>
      </c>
      <c r="I157" s="12">
        <v>2100491.91</v>
      </c>
      <c r="J157" s="12">
        <v>8444198.1400000006</v>
      </c>
      <c r="K157" s="12">
        <v>0.09</v>
      </c>
      <c r="L157" s="12">
        <v>6234901.8600000003</v>
      </c>
    </row>
    <row r="158" spans="1:12" x14ac:dyDescent="0.25">
      <c r="A158" s="2" t="s">
        <v>309</v>
      </c>
      <c r="B158" s="4" t="s">
        <v>385</v>
      </c>
      <c r="C158" s="12">
        <v>175000</v>
      </c>
      <c r="D158" s="12">
        <v>10000</v>
      </c>
      <c r="E158" s="12">
        <v>0</v>
      </c>
      <c r="F158" s="12">
        <v>0</v>
      </c>
      <c r="G158" s="12">
        <v>0</v>
      </c>
      <c r="H158" s="12">
        <v>10000</v>
      </c>
      <c r="I158" s="12">
        <v>0</v>
      </c>
      <c r="J158" s="12">
        <v>0</v>
      </c>
      <c r="K158" s="12">
        <v>0</v>
      </c>
      <c r="L158" s="12">
        <v>10000</v>
      </c>
    </row>
    <row r="159" spans="1:12" x14ac:dyDescent="0.25">
      <c r="A159" s="2" t="s">
        <v>311</v>
      </c>
      <c r="B159" s="4" t="s">
        <v>391</v>
      </c>
      <c r="C159" s="12">
        <v>29250000</v>
      </c>
      <c r="D159" s="12">
        <v>29100460.129999999</v>
      </c>
      <c r="E159" s="12">
        <v>3920259.38</v>
      </c>
      <c r="F159" s="12">
        <v>17683756.129999999</v>
      </c>
      <c r="G159" s="12">
        <v>0.17</v>
      </c>
      <c r="H159" s="12">
        <v>11416704</v>
      </c>
      <c r="I159" s="12">
        <v>3920259.38</v>
      </c>
      <c r="J159" s="12">
        <v>17683756.129999999</v>
      </c>
      <c r="K159" s="12">
        <v>0.19</v>
      </c>
      <c r="L159" s="12">
        <v>11416704</v>
      </c>
    </row>
    <row r="160" spans="1:12" x14ac:dyDescent="0.25">
      <c r="A160" s="3" t="s">
        <v>313</v>
      </c>
      <c r="B160" s="5" t="s">
        <v>392</v>
      </c>
      <c r="C160" s="11">
        <v>209339600</v>
      </c>
      <c r="D160" s="11">
        <v>253809848.59</v>
      </c>
      <c r="E160" s="11">
        <v>36002292.869999997</v>
      </c>
      <c r="F160" s="11">
        <v>228332955.28999999</v>
      </c>
      <c r="G160" s="11">
        <v>2.16</v>
      </c>
      <c r="H160" s="11">
        <v>25476893.300000001</v>
      </c>
      <c r="I160" s="11">
        <v>36198654.840000004</v>
      </c>
      <c r="J160" s="11">
        <v>227880493.43000001</v>
      </c>
      <c r="K160" s="11">
        <v>2.42</v>
      </c>
      <c r="L160" s="11">
        <v>25929355.16</v>
      </c>
    </row>
    <row r="161" spans="1:12" x14ac:dyDescent="0.25">
      <c r="A161" s="2" t="s">
        <v>315</v>
      </c>
      <c r="B161" s="4" t="s">
        <v>383</v>
      </c>
      <c r="C161" s="12">
        <v>25469200</v>
      </c>
      <c r="D161" s="12">
        <v>26314997.59</v>
      </c>
      <c r="E161" s="12">
        <v>3042337.1</v>
      </c>
      <c r="F161" s="12">
        <v>13055966.470000001</v>
      </c>
      <c r="G161" s="12">
        <v>0.12</v>
      </c>
      <c r="H161" s="12">
        <v>13259031.119999999</v>
      </c>
      <c r="I161" s="12">
        <v>3238699.07</v>
      </c>
      <c r="J161" s="12">
        <v>12603504.609999999</v>
      </c>
      <c r="K161" s="12">
        <v>0.13</v>
      </c>
      <c r="L161" s="12">
        <v>13711492.98</v>
      </c>
    </row>
    <row r="162" spans="1:12" x14ac:dyDescent="0.25">
      <c r="A162" s="2" t="s">
        <v>317</v>
      </c>
      <c r="B162" s="4" t="s">
        <v>393</v>
      </c>
      <c r="C162" s="12">
        <v>181029300</v>
      </c>
      <c r="D162" s="12">
        <v>224575187</v>
      </c>
      <c r="E162" s="12">
        <v>32523614.039999999</v>
      </c>
      <c r="F162" s="12">
        <v>213535384.37</v>
      </c>
      <c r="G162" s="12">
        <v>2.02</v>
      </c>
      <c r="H162" s="12">
        <v>11039802.630000001</v>
      </c>
      <c r="I162" s="12">
        <v>32523614.039999999</v>
      </c>
      <c r="J162" s="12">
        <v>213535384.37</v>
      </c>
      <c r="K162" s="12">
        <v>2.27</v>
      </c>
      <c r="L162" s="12">
        <v>11039802.630000001</v>
      </c>
    </row>
    <row r="163" spans="1:12" x14ac:dyDescent="0.25">
      <c r="A163" s="2" t="s">
        <v>319</v>
      </c>
      <c r="B163" s="4" t="s">
        <v>394</v>
      </c>
      <c r="C163" s="12">
        <v>2841100</v>
      </c>
      <c r="D163" s="12">
        <v>2919664</v>
      </c>
      <c r="E163" s="12">
        <v>436341.73</v>
      </c>
      <c r="F163" s="12">
        <v>1741604.45</v>
      </c>
      <c r="G163" s="12">
        <v>0.02</v>
      </c>
      <c r="H163" s="12">
        <v>1178059.55</v>
      </c>
      <c r="I163" s="12">
        <v>436341.73</v>
      </c>
      <c r="J163" s="12">
        <v>1741604.45</v>
      </c>
      <c r="K163" s="12">
        <v>0.02</v>
      </c>
      <c r="L163" s="12">
        <v>1178059.55</v>
      </c>
    </row>
    <row r="164" spans="1:12" x14ac:dyDescent="0.25">
      <c r="A164" s="3" t="s">
        <v>321</v>
      </c>
      <c r="B164" s="5" t="s">
        <v>396</v>
      </c>
      <c r="C164" s="11">
        <v>160623800</v>
      </c>
      <c r="D164" s="11">
        <v>427648497.77999997</v>
      </c>
      <c r="E164" s="11">
        <v>89445738.459999993</v>
      </c>
      <c r="F164" s="11">
        <v>391380484.18000001</v>
      </c>
      <c r="G164" s="11">
        <v>3.7</v>
      </c>
      <c r="H164" s="11">
        <v>36268013.600000001</v>
      </c>
      <c r="I164" s="11">
        <v>89445738.459999993</v>
      </c>
      <c r="J164" s="11">
        <v>386598793.07999998</v>
      </c>
      <c r="K164" s="11">
        <v>4.0999999999999996</v>
      </c>
      <c r="L164" s="11">
        <v>41049704.700000003</v>
      </c>
    </row>
    <row r="165" spans="1:12" x14ac:dyDescent="0.25">
      <c r="A165" s="2" t="s">
        <v>323</v>
      </c>
      <c r="B165" s="4" t="s">
        <v>397</v>
      </c>
      <c r="C165" s="12">
        <v>160623800</v>
      </c>
      <c r="D165" s="12">
        <v>427648497.77999997</v>
      </c>
      <c r="E165" s="12">
        <v>89445738.459999993</v>
      </c>
      <c r="F165" s="12">
        <v>391380484.18000001</v>
      </c>
      <c r="G165" s="12">
        <v>3.7</v>
      </c>
      <c r="H165" s="12">
        <v>36268013.600000001</v>
      </c>
      <c r="I165" s="12">
        <v>89445738.459999993</v>
      </c>
      <c r="J165" s="12">
        <v>386598793.07999998</v>
      </c>
      <c r="K165" s="12">
        <v>4.0999999999999996</v>
      </c>
      <c r="L165" s="12">
        <v>41049704.700000003</v>
      </c>
    </row>
    <row r="166" spans="1:12" x14ac:dyDescent="0.25">
      <c r="A166" s="3" t="s">
        <v>325</v>
      </c>
      <c r="B166" s="5" t="s">
        <v>400</v>
      </c>
      <c r="C166" s="11">
        <v>6780800</v>
      </c>
      <c r="D166" s="11">
        <v>7471107.4100000001</v>
      </c>
      <c r="E166" s="11">
        <v>1409570.76</v>
      </c>
      <c r="F166" s="11">
        <v>5585280.0700000003</v>
      </c>
      <c r="G166" s="11">
        <v>0.05</v>
      </c>
      <c r="H166" s="11">
        <v>1885827.34</v>
      </c>
      <c r="I166" s="11">
        <v>1338725.56</v>
      </c>
      <c r="J166" s="11">
        <v>5424283.1500000004</v>
      </c>
      <c r="K166" s="11">
        <v>0.06</v>
      </c>
      <c r="L166" s="11">
        <v>2046824.26</v>
      </c>
    </row>
    <row r="167" spans="1:12" x14ac:dyDescent="0.25">
      <c r="A167" s="2" t="s">
        <v>327</v>
      </c>
      <c r="B167" s="4" t="s">
        <v>403</v>
      </c>
      <c r="C167" s="12">
        <v>6780800</v>
      </c>
      <c r="D167" s="12">
        <v>7471107.4100000001</v>
      </c>
      <c r="E167" s="12">
        <v>1409570.76</v>
      </c>
      <c r="F167" s="12">
        <v>5585280.0700000003</v>
      </c>
      <c r="G167" s="12">
        <v>0.05</v>
      </c>
      <c r="H167" s="12">
        <v>1885827.34</v>
      </c>
      <c r="I167" s="12">
        <v>1338725.56</v>
      </c>
      <c r="J167" s="12">
        <v>5424283.1500000004</v>
      </c>
      <c r="K167" s="12">
        <v>0.06</v>
      </c>
      <c r="L167" s="12">
        <v>2046824.26</v>
      </c>
    </row>
    <row r="168" spans="1:12" x14ac:dyDescent="0.25">
      <c r="A168" s="3" t="s">
        <v>328</v>
      </c>
      <c r="B168" s="5" t="s">
        <v>406</v>
      </c>
      <c r="C168" s="11">
        <v>36000</v>
      </c>
      <c r="D168" s="11">
        <v>124400</v>
      </c>
      <c r="E168" s="11">
        <v>9500</v>
      </c>
      <c r="F168" s="11">
        <v>74493</v>
      </c>
      <c r="G168" s="11">
        <v>0</v>
      </c>
      <c r="H168" s="11">
        <v>49907</v>
      </c>
      <c r="I168" s="11">
        <v>12132.03</v>
      </c>
      <c r="J168" s="11">
        <v>64802.02</v>
      </c>
      <c r="K168" s="11">
        <v>0</v>
      </c>
      <c r="L168" s="11">
        <v>59597.98</v>
      </c>
    </row>
    <row r="169" spans="1:12" x14ac:dyDescent="0.25">
      <c r="A169" s="2" t="s">
        <v>329</v>
      </c>
      <c r="B169" s="4" t="s">
        <v>407</v>
      </c>
      <c r="C169" s="12">
        <v>36000</v>
      </c>
      <c r="D169" s="12">
        <v>124400</v>
      </c>
      <c r="E169" s="12">
        <v>9500</v>
      </c>
      <c r="F169" s="12">
        <v>74493</v>
      </c>
      <c r="G169" s="12">
        <v>0</v>
      </c>
      <c r="H169" s="12">
        <v>49907</v>
      </c>
      <c r="I169" s="12">
        <v>12132.03</v>
      </c>
      <c r="J169" s="12">
        <v>64802.02</v>
      </c>
      <c r="K169" s="12">
        <v>0</v>
      </c>
      <c r="L169" s="12">
        <v>59597.98</v>
      </c>
    </row>
    <row r="170" spans="1:12" x14ac:dyDescent="0.25">
      <c r="A170" s="3" t="s">
        <v>330</v>
      </c>
      <c r="B170" s="5" t="s">
        <v>408</v>
      </c>
      <c r="C170" s="11">
        <v>80748000</v>
      </c>
      <c r="D170" s="11">
        <v>98815274.489999995</v>
      </c>
      <c r="E170" s="11">
        <v>13169426.26</v>
      </c>
      <c r="F170" s="11">
        <v>52537292.130000003</v>
      </c>
      <c r="G170" s="11">
        <v>0.5</v>
      </c>
      <c r="H170" s="11">
        <v>46277982.359999999</v>
      </c>
      <c r="I170" s="11">
        <v>14942863.460000001</v>
      </c>
      <c r="J170" s="11">
        <v>52537033.030000001</v>
      </c>
      <c r="K170" s="11">
        <v>0.56000000000000005</v>
      </c>
      <c r="L170" s="11">
        <v>46278241.460000001</v>
      </c>
    </row>
    <row r="171" spans="1:12" x14ac:dyDescent="0.25">
      <c r="A171" s="2" t="s">
        <v>331</v>
      </c>
      <c r="B171" s="4" t="s">
        <v>383</v>
      </c>
      <c r="C171" s="12">
        <v>80748000</v>
      </c>
      <c r="D171" s="12">
        <v>98805357.489999995</v>
      </c>
      <c r="E171" s="12">
        <v>13169426.26</v>
      </c>
      <c r="F171" s="12">
        <v>52527375.130000003</v>
      </c>
      <c r="G171" s="12">
        <v>0.5</v>
      </c>
      <c r="H171" s="12">
        <v>46277982.359999999</v>
      </c>
      <c r="I171" s="12">
        <v>14932946.460000001</v>
      </c>
      <c r="J171" s="12">
        <v>52527116.030000001</v>
      </c>
      <c r="K171" s="12">
        <v>0.56000000000000005</v>
      </c>
      <c r="L171" s="12">
        <v>46278241.460000001</v>
      </c>
    </row>
    <row r="172" spans="1:12" x14ac:dyDescent="0.25">
      <c r="A172" s="2" t="s">
        <v>332</v>
      </c>
      <c r="B172" s="4" t="s">
        <v>409</v>
      </c>
      <c r="C172" s="12">
        <v>0</v>
      </c>
      <c r="D172" s="12">
        <v>0</v>
      </c>
      <c r="E172" s="12">
        <v>0</v>
      </c>
      <c r="F172" s="12">
        <v>0</v>
      </c>
      <c r="G172" s="12">
        <v>0</v>
      </c>
      <c r="H172" s="12">
        <v>0</v>
      </c>
      <c r="I172" s="12">
        <v>0</v>
      </c>
      <c r="J172" s="12">
        <v>0</v>
      </c>
      <c r="K172" s="12">
        <v>0</v>
      </c>
      <c r="L172" s="12">
        <v>0</v>
      </c>
    </row>
    <row r="173" spans="1:12" x14ac:dyDescent="0.25">
      <c r="A173" s="2" t="s">
        <v>333</v>
      </c>
      <c r="B173" s="4" t="s">
        <v>410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  <c r="J173" s="12">
        <v>0</v>
      </c>
      <c r="K173" s="12">
        <v>0</v>
      </c>
      <c r="L173" s="12">
        <v>0</v>
      </c>
    </row>
    <row r="174" spans="1:12" x14ac:dyDescent="0.25">
      <c r="A174" s="2" t="s">
        <v>334</v>
      </c>
      <c r="B174" s="4" t="s">
        <v>413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  <c r="J174" s="12">
        <v>0</v>
      </c>
      <c r="K174" s="12">
        <v>0</v>
      </c>
      <c r="L174" s="12">
        <v>0</v>
      </c>
    </row>
    <row r="175" spans="1:12" x14ac:dyDescent="0.25">
      <c r="A175" s="2" t="s">
        <v>335</v>
      </c>
      <c r="B175" s="4" t="s">
        <v>391</v>
      </c>
      <c r="C175" s="12">
        <v>0</v>
      </c>
      <c r="D175" s="12">
        <v>9917</v>
      </c>
      <c r="E175" s="12">
        <v>0</v>
      </c>
      <c r="F175" s="12">
        <v>9917</v>
      </c>
      <c r="G175" s="12">
        <v>0</v>
      </c>
      <c r="H175" s="12">
        <v>0</v>
      </c>
      <c r="I175" s="12">
        <v>9917</v>
      </c>
      <c r="J175" s="12">
        <v>9917</v>
      </c>
      <c r="K175" s="12">
        <v>0</v>
      </c>
      <c r="L175" s="12">
        <v>0</v>
      </c>
    </row>
    <row r="176" spans="1:12" x14ac:dyDescent="0.25">
      <c r="A176" s="3" t="s">
        <v>337</v>
      </c>
      <c r="B176" s="5" t="s">
        <v>417</v>
      </c>
      <c r="C176" s="11">
        <v>1297700</v>
      </c>
      <c r="D176" s="11">
        <v>2044623.31</v>
      </c>
      <c r="E176" s="11">
        <v>356450.87</v>
      </c>
      <c r="F176" s="11">
        <v>1685676.92</v>
      </c>
      <c r="G176" s="11">
        <v>0.02</v>
      </c>
      <c r="H176" s="11">
        <v>358946.39</v>
      </c>
      <c r="I176" s="11">
        <v>356450.87</v>
      </c>
      <c r="J176" s="11">
        <v>1685676.92</v>
      </c>
      <c r="K176" s="11">
        <v>0.02</v>
      </c>
      <c r="L176" s="11">
        <v>358946.39</v>
      </c>
    </row>
    <row r="177" spans="1:12" x14ac:dyDescent="0.25">
      <c r="A177" s="2" t="s">
        <v>339</v>
      </c>
      <c r="B177" s="4" t="s">
        <v>383</v>
      </c>
      <c r="C177" s="12">
        <v>1297700</v>
      </c>
      <c r="D177" s="12">
        <v>2044623.31</v>
      </c>
      <c r="E177" s="12">
        <v>356450.87</v>
      </c>
      <c r="F177" s="12">
        <v>1685676.92</v>
      </c>
      <c r="G177" s="12">
        <v>0.02</v>
      </c>
      <c r="H177" s="12">
        <v>358946.39</v>
      </c>
      <c r="I177" s="12">
        <v>356450.87</v>
      </c>
      <c r="J177" s="12">
        <v>1685676.92</v>
      </c>
      <c r="K177" s="12">
        <v>0.02</v>
      </c>
      <c r="L177" s="12">
        <v>358946.39</v>
      </c>
    </row>
    <row r="178" spans="1:12" x14ac:dyDescent="0.25">
      <c r="A178" s="3" t="s">
        <v>341</v>
      </c>
      <c r="B178" s="5" t="s">
        <v>419</v>
      </c>
      <c r="C178" s="11">
        <v>211065700</v>
      </c>
      <c r="D178" s="11">
        <v>571550506.45000005</v>
      </c>
      <c r="E178" s="11">
        <v>58226989.530000001</v>
      </c>
      <c r="F178" s="11">
        <v>444587212.31999999</v>
      </c>
      <c r="G178" s="11">
        <v>4.2</v>
      </c>
      <c r="H178" s="11">
        <v>126963294.13</v>
      </c>
      <c r="I178" s="11">
        <v>58206485.990000002</v>
      </c>
      <c r="J178" s="11">
        <v>443459566.19</v>
      </c>
      <c r="K178" s="11">
        <v>4.7</v>
      </c>
      <c r="L178" s="11">
        <v>128090940.26000001</v>
      </c>
    </row>
    <row r="179" spans="1:12" x14ac:dyDescent="0.25">
      <c r="A179" s="2" t="s">
        <v>343</v>
      </c>
      <c r="B179" s="4" t="s">
        <v>383</v>
      </c>
      <c r="C179" s="12">
        <v>211065700</v>
      </c>
      <c r="D179" s="12">
        <v>571550506.45000005</v>
      </c>
      <c r="E179" s="12">
        <v>58226989.530000001</v>
      </c>
      <c r="F179" s="12">
        <v>444587212.31999999</v>
      </c>
      <c r="G179" s="12">
        <v>4.2</v>
      </c>
      <c r="H179" s="12">
        <v>126963294.13</v>
      </c>
      <c r="I179" s="12">
        <v>58206485.990000002</v>
      </c>
      <c r="J179" s="12">
        <v>443459566.19</v>
      </c>
      <c r="K179" s="12">
        <v>4.7</v>
      </c>
      <c r="L179" s="12">
        <v>128090940.26000001</v>
      </c>
    </row>
    <row r="180" spans="1:12" x14ac:dyDescent="0.25">
      <c r="A180" s="3" t="s">
        <v>346</v>
      </c>
      <c r="B180" s="5" t="s">
        <v>428</v>
      </c>
      <c r="C180" s="11">
        <v>1320600</v>
      </c>
      <c r="D180" s="11">
        <v>1374547.5</v>
      </c>
      <c r="E180" s="11">
        <v>238666.14</v>
      </c>
      <c r="F180" s="11">
        <v>1030363.19</v>
      </c>
      <c r="G180" s="11">
        <v>0.01</v>
      </c>
      <c r="H180" s="11">
        <v>344184.31</v>
      </c>
      <c r="I180" s="11">
        <v>238666.14</v>
      </c>
      <c r="J180" s="11">
        <v>1030363.19</v>
      </c>
      <c r="K180" s="11">
        <v>0.01</v>
      </c>
      <c r="L180" s="11">
        <v>344184.31</v>
      </c>
    </row>
    <row r="181" spans="1:12" x14ac:dyDescent="0.25">
      <c r="A181" s="2" t="s">
        <v>348</v>
      </c>
      <c r="B181" s="4" t="s">
        <v>429</v>
      </c>
      <c r="C181" s="12">
        <v>1320600</v>
      </c>
      <c r="D181" s="12">
        <v>1374547.5</v>
      </c>
      <c r="E181" s="12">
        <v>238666.14</v>
      </c>
      <c r="F181" s="12">
        <v>1030363.19</v>
      </c>
      <c r="G181" s="12">
        <v>0.01</v>
      </c>
      <c r="H181" s="12">
        <v>344184.31</v>
      </c>
      <c r="I181" s="12">
        <v>238666.14</v>
      </c>
      <c r="J181" s="12">
        <v>1030363.19</v>
      </c>
      <c r="K181" s="12">
        <v>0.01</v>
      </c>
      <c r="L181" s="12">
        <v>344184.31</v>
      </c>
    </row>
    <row r="182" spans="1:12" x14ac:dyDescent="0.25">
      <c r="A182" s="3" t="s">
        <v>350</v>
      </c>
      <c r="B182" s="5" t="s">
        <v>430</v>
      </c>
      <c r="C182" s="11">
        <v>38849800</v>
      </c>
      <c r="D182" s="11">
        <v>39549800</v>
      </c>
      <c r="E182" s="11">
        <v>8749628.9100000001</v>
      </c>
      <c r="F182" s="11">
        <v>23962371.949999999</v>
      </c>
      <c r="G182" s="11">
        <v>0.22</v>
      </c>
      <c r="H182" s="11">
        <v>15587428.050000001</v>
      </c>
      <c r="I182" s="11">
        <v>8749628.9100000001</v>
      </c>
      <c r="J182" s="11">
        <v>23962371.940000001</v>
      </c>
      <c r="K182" s="11">
        <v>0.25</v>
      </c>
      <c r="L182" s="11">
        <v>15587428.060000001</v>
      </c>
    </row>
    <row r="183" spans="1:12" x14ac:dyDescent="0.25">
      <c r="A183" s="2" t="s">
        <v>352</v>
      </c>
      <c r="B183" s="4" t="s">
        <v>431</v>
      </c>
      <c r="C183" s="12">
        <v>751600</v>
      </c>
      <c r="D183" s="12">
        <v>751600</v>
      </c>
      <c r="E183" s="12">
        <v>103352.44</v>
      </c>
      <c r="F183" s="12">
        <v>413758.65</v>
      </c>
      <c r="G183" s="12">
        <v>0</v>
      </c>
      <c r="H183" s="12">
        <v>337841.35</v>
      </c>
      <c r="I183" s="12">
        <v>103352.44</v>
      </c>
      <c r="J183" s="12">
        <v>413758.65</v>
      </c>
      <c r="K183" s="12">
        <v>0</v>
      </c>
      <c r="L183" s="12">
        <v>337841.35</v>
      </c>
    </row>
    <row r="184" spans="1:12" x14ac:dyDescent="0.25">
      <c r="A184" s="2" t="s">
        <v>354</v>
      </c>
      <c r="B184" s="4" t="s">
        <v>432</v>
      </c>
      <c r="C184" s="12">
        <v>38098200</v>
      </c>
      <c r="D184" s="12">
        <v>38798200</v>
      </c>
      <c r="E184" s="12">
        <v>8646276.4700000007</v>
      </c>
      <c r="F184" s="12">
        <v>23548613.300000001</v>
      </c>
      <c r="G184" s="12">
        <v>0.22</v>
      </c>
      <c r="H184" s="12">
        <v>15249586.699999999</v>
      </c>
      <c r="I184" s="12">
        <v>8646276.4700000007</v>
      </c>
      <c r="J184" s="12">
        <v>23548613.289999999</v>
      </c>
      <c r="K184" s="12">
        <v>0.25</v>
      </c>
      <c r="L184" s="12">
        <v>15249586.710000001</v>
      </c>
    </row>
    <row r="185" spans="1:12" x14ac:dyDescent="0.25">
      <c r="A185" s="3" t="s">
        <v>356</v>
      </c>
      <c r="B185" s="5" t="s">
        <v>436</v>
      </c>
      <c r="C185" s="11">
        <v>961300</v>
      </c>
      <c r="D185" s="11">
        <v>1051300</v>
      </c>
      <c r="E185" s="11">
        <v>185571.68</v>
      </c>
      <c r="F185" s="11">
        <v>745041.45</v>
      </c>
      <c r="G185" s="11">
        <v>0.01</v>
      </c>
      <c r="H185" s="11">
        <v>306258.55</v>
      </c>
      <c r="I185" s="11">
        <v>185576.68</v>
      </c>
      <c r="J185" s="11">
        <v>745041.45</v>
      </c>
      <c r="K185" s="11">
        <v>0.01</v>
      </c>
      <c r="L185" s="11">
        <v>306258.55</v>
      </c>
    </row>
    <row r="186" spans="1:12" x14ac:dyDescent="0.25">
      <c r="A186" s="2" t="s">
        <v>358</v>
      </c>
      <c r="B186" s="4" t="s">
        <v>383</v>
      </c>
      <c r="C186" s="12">
        <v>961300</v>
      </c>
      <c r="D186" s="12">
        <v>1051300</v>
      </c>
      <c r="E186" s="12">
        <v>185571.68</v>
      </c>
      <c r="F186" s="12">
        <v>745041.45</v>
      </c>
      <c r="G186" s="12">
        <v>0.01</v>
      </c>
      <c r="H186" s="12">
        <v>306258.55</v>
      </c>
      <c r="I186" s="12">
        <v>185576.68</v>
      </c>
      <c r="J186" s="12">
        <v>745041.45</v>
      </c>
      <c r="K186" s="12">
        <v>0.01</v>
      </c>
      <c r="L186" s="12">
        <v>306258.55</v>
      </c>
    </row>
    <row r="187" spans="1:12" x14ac:dyDescent="0.25">
      <c r="A187" s="3" t="s">
        <v>360</v>
      </c>
      <c r="B187" s="5" t="s">
        <v>440</v>
      </c>
      <c r="C187" s="11">
        <v>4598200</v>
      </c>
      <c r="D187" s="11">
        <v>6947302.3300000001</v>
      </c>
      <c r="E187" s="11">
        <v>919735.79</v>
      </c>
      <c r="F187" s="11">
        <v>3767234.79</v>
      </c>
      <c r="G187" s="11">
        <v>0.04</v>
      </c>
      <c r="H187" s="11">
        <v>3180067.54</v>
      </c>
      <c r="I187" s="11">
        <v>919735.79</v>
      </c>
      <c r="J187" s="11">
        <v>3767234.79</v>
      </c>
      <c r="K187" s="11">
        <v>0.04</v>
      </c>
      <c r="L187" s="11">
        <v>3180067.54</v>
      </c>
    </row>
    <row r="188" spans="1:12" x14ac:dyDescent="0.25">
      <c r="A188" s="2" t="s">
        <v>362</v>
      </c>
      <c r="B188" s="4" t="s">
        <v>383</v>
      </c>
      <c r="C188" s="12">
        <v>4598200</v>
      </c>
      <c r="D188" s="12">
        <v>6947302.3300000001</v>
      </c>
      <c r="E188" s="12">
        <v>919735.79</v>
      </c>
      <c r="F188" s="12">
        <v>3767234.79</v>
      </c>
      <c r="G188" s="12">
        <v>0.04</v>
      </c>
      <c r="H188" s="12">
        <v>3180067.54</v>
      </c>
      <c r="I188" s="12">
        <v>919735.79</v>
      </c>
      <c r="J188" s="12">
        <v>3767234.79</v>
      </c>
      <c r="K188" s="12">
        <v>0.04</v>
      </c>
      <c r="L188" s="12">
        <v>3180067.54</v>
      </c>
    </row>
    <row r="189" spans="1:12" x14ac:dyDescent="0.25">
      <c r="A189" s="3" t="s">
        <v>364</v>
      </c>
      <c r="B189" s="5" t="s">
        <v>446</v>
      </c>
      <c r="C189" s="11">
        <v>25686400</v>
      </c>
      <c r="D189" s="11">
        <v>31033400</v>
      </c>
      <c r="E189" s="11">
        <v>5857509.7599999998</v>
      </c>
      <c r="F189" s="11">
        <v>24001629.100000001</v>
      </c>
      <c r="G189" s="11">
        <v>0.23</v>
      </c>
      <c r="H189" s="11">
        <v>7031770.9000000004</v>
      </c>
      <c r="I189" s="11">
        <v>5857509.7599999998</v>
      </c>
      <c r="J189" s="11">
        <v>23992224.719999999</v>
      </c>
      <c r="K189" s="11">
        <v>0.25</v>
      </c>
      <c r="L189" s="11">
        <v>7041175.2800000003</v>
      </c>
    </row>
    <row r="190" spans="1:12" x14ac:dyDescent="0.25">
      <c r="A190" s="2" t="s">
        <v>479</v>
      </c>
      <c r="B190" s="4" t="s">
        <v>383</v>
      </c>
      <c r="C190" s="12">
        <v>25686400</v>
      </c>
      <c r="D190" s="12">
        <v>31033400</v>
      </c>
      <c r="E190" s="12">
        <v>5857509.7599999998</v>
      </c>
      <c r="F190" s="12">
        <v>24001629.100000001</v>
      </c>
      <c r="G190" s="12">
        <v>0.23</v>
      </c>
      <c r="H190" s="12">
        <v>7031770.9000000004</v>
      </c>
      <c r="I190" s="12">
        <v>5857509.7599999998</v>
      </c>
      <c r="J190" s="12">
        <v>23992224.719999999</v>
      </c>
      <c r="K190" s="12">
        <v>0.25</v>
      </c>
      <c r="L190" s="12">
        <v>7041175.2800000003</v>
      </c>
    </row>
    <row r="191" spans="1:12" x14ac:dyDescent="0.25">
      <c r="A191" s="3" t="s">
        <v>480</v>
      </c>
      <c r="B191" s="5" t="s">
        <v>456</v>
      </c>
      <c r="C191" s="11">
        <v>3640400</v>
      </c>
      <c r="D191" s="11">
        <v>3672172</v>
      </c>
      <c r="E191" s="11">
        <v>484421.38</v>
      </c>
      <c r="F191" s="11">
        <v>1907078.45</v>
      </c>
      <c r="G191" s="11">
        <v>0.02</v>
      </c>
      <c r="H191" s="11">
        <v>1765093.55</v>
      </c>
      <c r="I191" s="11">
        <v>484421.38</v>
      </c>
      <c r="J191" s="11">
        <v>1907078.45</v>
      </c>
      <c r="K191" s="11">
        <v>0.02</v>
      </c>
      <c r="L191" s="11">
        <v>1765093.55</v>
      </c>
    </row>
    <row r="192" spans="1:12" x14ac:dyDescent="0.25">
      <c r="A192" s="2" t="s">
        <v>481</v>
      </c>
      <c r="B192" s="4" t="s">
        <v>457</v>
      </c>
      <c r="C192" s="12">
        <v>1980000</v>
      </c>
      <c r="D192" s="12">
        <v>1980000</v>
      </c>
      <c r="E192" s="12">
        <v>256444.82</v>
      </c>
      <c r="F192" s="12">
        <v>964423.47</v>
      </c>
      <c r="G192" s="12">
        <v>0.01</v>
      </c>
      <c r="H192" s="12">
        <v>1015576.53</v>
      </c>
      <c r="I192" s="12">
        <v>256444.82</v>
      </c>
      <c r="J192" s="12">
        <v>964423.47</v>
      </c>
      <c r="K192" s="12">
        <v>0.01</v>
      </c>
      <c r="L192" s="12">
        <v>1015576.53</v>
      </c>
    </row>
    <row r="193" spans="1:12" x14ac:dyDescent="0.25">
      <c r="A193" s="2" t="s">
        <v>482</v>
      </c>
      <c r="B193" s="4" t="s">
        <v>458</v>
      </c>
      <c r="C193" s="12">
        <v>1660400</v>
      </c>
      <c r="D193" s="12">
        <v>1692172</v>
      </c>
      <c r="E193" s="12">
        <v>227976.56</v>
      </c>
      <c r="F193" s="12">
        <v>942654.98</v>
      </c>
      <c r="G193" s="12">
        <v>0.01</v>
      </c>
      <c r="H193" s="12">
        <v>749517.02</v>
      </c>
      <c r="I193" s="12">
        <v>227976.56</v>
      </c>
      <c r="J193" s="12">
        <v>942654.98</v>
      </c>
      <c r="K193" s="12">
        <v>0.01</v>
      </c>
      <c r="L193" s="12">
        <v>749517.02</v>
      </c>
    </row>
    <row r="194" spans="1:12" x14ac:dyDescent="0.25">
      <c r="A194" s="3" t="s">
        <v>483</v>
      </c>
      <c r="B194" s="5" t="s">
        <v>464</v>
      </c>
      <c r="C194" s="11">
        <v>17490400</v>
      </c>
      <c r="D194" s="11">
        <v>31222026.879999999</v>
      </c>
      <c r="E194" s="11">
        <v>5571628.7300000004</v>
      </c>
      <c r="F194" s="11">
        <v>25253558.530000001</v>
      </c>
      <c r="G194" s="11">
        <v>0.24</v>
      </c>
      <c r="H194" s="11">
        <v>5968468.3499999996</v>
      </c>
      <c r="I194" s="11">
        <v>5571628.7300000004</v>
      </c>
      <c r="J194" s="11">
        <v>25253558.530000001</v>
      </c>
      <c r="K194" s="11">
        <v>0.27</v>
      </c>
      <c r="L194" s="11">
        <v>5968468.3499999996</v>
      </c>
    </row>
    <row r="195" spans="1:12" x14ac:dyDescent="0.25">
      <c r="A195" s="2" t="s">
        <v>484</v>
      </c>
      <c r="B195" s="4" t="s">
        <v>383</v>
      </c>
      <c r="C195" s="12">
        <v>17490400</v>
      </c>
      <c r="D195" s="12">
        <v>31222026.879999999</v>
      </c>
      <c r="E195" s="12">
        <v>5571628.7300000004</v>
      </c>
      <c r="F195" s="12">
        <v>25253558.530000001</v>
      </c>
      <c r="G195" s="12">
        <v>0.24</v>
      </c>
      <c r="H195" s="12">
        <v>5968468.3499999996</v>
      </c>
      <c r="I195" s="12">
        <v>5571628.7300000004</v>
      </c>
      <c r="J195" s="12">
        <v>25253558.530000001</v>
      </c>
      <c r="K195" s="12">
        <v>0.27</v>
      </c>
      <c r="L195" s="12">
        <v>5968468.3499999996</v>
      </c>
    </row>
    <row r="196" spans="1:12" x14ac:dyDescent="0.25">
      <c r="A196" s="3" t="s">
        <v>485</v>
      </c>
      <c r="B196" s="5" t="s">
        <v>469</v>
      </c>
      <c r="C196" s="11">
        <v>134800</v>
      </c>
      <c r="D196" s="11">
        <v>210856.76</v>
      </c>
      <c r="E196" s="11">
        <v>52464.65</v>
      </c>
      <c r="F196" s="11">
        <v>210009.07</v>
      </c>
      <c r="G196" s="11">
        <v>0</v>
      </c>
      <c r="H196" s="11">
        <v>847.69</v>
      </c>
      <c r="I196" s="11">
        <v>57625.73</v>
      </c>
      <c r="J196" s="11">
        <v>210009.07</v>
      </c>
      <c r="K196" s="11">
        <v>0</v>
      </c>
      <c r="L196" s="11">
        <v>847.69</v>
      </c>
    </row>
    <row r="197" spans="1:12" x14ac:dyDescent="0.25">
      <c r="A197" s="2" t="s">
        <v>486</v>
      </c>
      <c r="B197" s="4" t="s">
        <v>470</v>
      </c>
      <c r="C197" s="12">
        <v>0</v>
      </c>
      <c r="D197" s="12">
        <v>6638.09</v>
      </c>
      <c r="E197" s="12">
        <v>1477</v>
      </c>
      <c r="F197" s="12">
        <v>6638.08</v>
      </c>
      <c r="G197" s="12">
        <v>0</v>
      </c>
      <c r="H197" s="12">
        <v>0.01</v>
      </c>
      <c r="I197" s="12">
        <v>6638.08</v>
      </c>
      <c r="J197" s="12">
        <v>6638.08</v>
      </c>
      <c r="K197" s="12">
        <v>0</v>
      </c>
      <c r="L197" s="12">
        <v>0.01</v>
      </c>
    </row>
    <row r="198" spans="1:12" x14ac:dyDescent="0.25">
      <c r="A198" s="2" t="s">
        <v>487</v>
      </c>
      <c r="B198" s="4" t="s">
        <v>471</v>
      </c>
      <c r="C198" s="12">
        <v>134800</v>
      </c>
      <c r="D198" s="12">
        <v>204218.67</v>
      </c>
      <c r="E198" s="12">
        <v>50987.65</v>
      </c>
      <c r="F198" s="12">
        <v>203370.99</v>
      </c>
      <c r="G198" s="12">
        <v>0</v>
      </c>
      <c r="H198" s="12">
        <v>847.68</v>
      </c>
      <c r="I198" s="12">
        <v>50987.65</v>
      </c>
      <c r="J198" s="12">
        <v>203370.99</v>
      </c>
      <c r="K198" s="12">
        <v>0</v>
      </c>
      <c r="L198" s="12">
        <v>847.68</v>
      </c>
    </row>
    <row r="199" spans="1:12" x14ac:dyDescent="0.25">
      <c r="A199" s="3" t="s">
        <v>488</v>
      </c>
      <c r="B199" s="5" t="s">
        <v>472</v>
      </c>
      <c r="C199" s="11">
        <v>303554800</v>
      </c>
      <c r="D199" s="11">
        <v>268182614.91999999</v>
      </c>
      <c r="E199" s="11">
        <v>6239836.7999999998</v>
      </c>
      <c r="F199" s="11">
        <v>24697340.890000001</v>
      </c>
      <c r="G199" s="11">
        <v>0.24</v>
      </c>
      <c r="H199" s="11">
        <v>243485274.03</v>
      </c>
      <c r="I199" s="11">
        <v>6229136.5300000003</v>
      </c>
      <c r="J199" s="11">
        <v>24686640.620000001</v>
      </c>
      <c r="K199" s="11">
        <v>0.26</v>
      </c>
      <c r="L199" s="11">
        <v>243495974.30000001</v>
      </c>
    </row>
    <row r="200" spans="1:12" x14ac:dyDescent="0.25">
      <c r="A200" s="2" t="s">
        <v>489</v>
      </c>
      <c r="B200" s="4" t="s">
        <v>405</v>
      </c>
      <c r="C200" s="12">
        <v>1902000</v>
      </c>
      <c r="D200" s="12">
        <v>1902000</v>
      </c>
      <c r="E200" s="12">
        <v>517237.22</v>
      </c>
      <c r="F200" s="12">
        <v>1751994.74</v>
      </c>
      <c r="G200" s="12">
        <v>0.02</v>
      </c>
      <c r="H200" s="12">
        <v>150005.26</v>
      </c>
      <c r="I200" s="12">
        <v>506536.95</v>
      </c>
      <c r="J200" s="12">
        <v>1741294.47</v>
      </c>
      <c r="K200" s="12">
        <v>0.02</v>
      </c>
      <c r="L200" s="12">
        <v>160705.53</v>
      </c>
    </row>
    <row r="201" spans="1:12" x14ac:dyDescent="0.25">
      <c r="A201" s="2" t="s">
        <v>490</v>
      </c>
      <c r="B201" s="4" t="s">
        <v>387</v>
      </c>
      <c r="C201" s="12">
        <v>301652800</v>
      </c>
      <c r="D201" s="12">
        <v>266280614.91999999</v>
      </c>
      <c r="E201" s="12">
        <v>5722599.5800000001</v>
      </c>
      <c r="F201" s="12">
        <v>22945346.149999999</v>
      </c>
      <c r="G201" s="12">
        <v>0.22</v>
      </c>
      <c r="H201" s="12">
        <v>243335268.77000001</v>
      </c>
      <c r="I201" s="12">
        <v>5722599.5800000001</v>
      </c>
      <c r="J201" s="12">
        <v>22945346.149999999</v>
      </c>
      <c r="K201" s="12">
        <v>0.24</v>
      </c>
      <c r="L201" s="12">
        <v>243335268.77000001</v>
      </c>
    </row>
    <row r="202" spans="1:12" x14ac:dyDescent="0.25">
      <c r="A202" s="3" t="s">
        <v>491</v>
      </c>
      <c r="B202" s="5" t="s">
        <v>492</v>
      </c>
      <c r="C202" s="11">
        <v>15048000000</v>
      </c>
      <c r="D202" s="11">
        <v>15838392191.52</v>
      </c>
      <c r="E202" s="11">
        <v>2011768504.5999999</v>
      </c>
      <c r="F202" s="11">
        <v>10574551689.629999</v>
      </c>
      <c r="G202" s="11">
        <v>99.99</v>
      </c>
      <c r="H202" s="11">
        <v>5263840501.8900003</v>
      </c>
      <c r="I202" s="11">
        <v>2249151483.1700001</v>
      </c>
      <c r="J202" s="11">
        <v>9427540756.0499992</v>
      </c>
      <c r="K202" s="11">
        <v>99.96</v>
      </c>
      <c r="L202" s="11">
        <v>6410851435.4700003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cols>
    <col min="2" max="2" width="48.5703125" bestFit="1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493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494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495</v>
      </c>
      <c r="C10" s="10" t="s">
        <v>496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09</v>
      </c>
      <c r="P10" s="10" t="s">
        <v>510</v>
      </c>
    </row>
    <row r="11" spans="1:16" ht="21" x14ac:dyDescent="0.25">
      <c r="A11" s="10" t="s">
        <v>7</v>
      </c>
      <c r="B11" s="10" t="s">
        <v>7</v>
      </c>
      <c r="C11" s="1" t="s">
        <v>497</v>
      </c>
      <c r="D11" s="1" t="s">
        <v>498</v>
      </c>
      <c r="E11" s="1" t="s">
        <v>499</v>
      </c>
      <c r="F11" s="1" t="s">
        <v>500</v>
      </c>
      <c r="G11" s="1" t="s">
        <v>501</v>
      </c>
      <c r="H11" s="1" t="s">
        <v>502</v>
      </c>
      <c r="I11" s="1" t="s">
        <v>503</v>
      </c>
      <c r="J11" s="1" t="s">
        <v>504</v>
      </c>
      <c r="K11" s="1" t="s">
        <v>505</v>
      </c>
      <c r="L11" s="1" t="s">
        <v>506</v>
      </c>
      <c r="M11" s="1" t="s">
        <v>507</v>
      </c>
      <c r="N11" s="1" t="s">
        <v>508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11</v>
      </c>
      <c r="C12" s="11">
        <v>1203040481.25</v>
      </c>
      <c r="D12" s="11">
        <v>1205219524.4000001</v>
      </c>
      <c r="E12" s="11">
        <v>1400520110.1500001</v>
      </c>
      <c r="F12" s="11">
        <v>1411729678.72</v>
      </c>
      <c r="G12" s="11">
        <v>1584326726.4300001</v>
      </c>
      <c r="H12" s="11">
        <v>1291992743.8800001</v>
      </c>
      <c r="I12" s="11">
        <v>1266901422.02</v>
      </c>
      <c r="J12" s="11">
        <v>1295598456.9300001</v>
      </c>
      <c r="K12" s="11">
        <v>1277563392.53</v>
      </c>
      <c r="L12" s="11">
        <v>1404730350.71</v>
      </c>
      <c r="M12" s="11">
        <v>1337321969.98</v>
      </c>
      <c r="N12" s="11">
        <v>1286775509.29</v>
      </c>
      <c r="O12" s="11">
        <v>15965720366.290001</v>
      </c>
      <c r="P12" s="11">
        <v>16429941600</v>
      </c>
    </row>
    <row r="13" spans="1:16" x14ac:dyDescent="0.25">
      <c r="A13" s="3" t="s">
        <v>19</v>
      </c>
      <c r="B13" s="5" t="s">
        <v>512</v>
      </c>
      <c r="C13" s="11">
        <v>824948829.16999996</v>
      </c>
      <c r="D13" s="11">
        <v>805839095.33000004</v>
      </c>
      <c r="E13" s="11">
        <v>920182053.95000005</v>
      </c>
      <c r="F13" s="11">
        <v>942469953.89999998</v>
      </c>
      <c r="G13" s="11">
        <v>1122010142.3399999</v>
      </c>
      <c r="H13" s="11">
        <v>844743397.84000003</v>
      </c>
      <c r="I13" s="11">
        <v>854240112.48000002</v>
      </c>
      <c r="J13" s="11">
        <v>871669389.61000001</v>
      </c>
      <c r="K13" s="11">
        <v>841147269</v>
      </c>
      <c r="L13" s="11">
        <v>1034079832.34</v>
      </c>
      <c r="M13" s="11">
        <v>891680396.40999997</v>
      </c>
      <c r="N13" s="11">
        <v>863351300.76999998</v>
      </c>
      <c r="O13" s="11">
        <v>10816361773.139999</v>
      </c>
      <c r="P13" s="11">
        <v>10949321700</v>
      </c>
    </row>
    <row r="14" spans="1:16" x14ac:dyDescent="0.25">
      <c r="A14" s="2" t="s">
        <v>21</v>
      </c>
      <c r="B14" s="4" t="s">
        <v>513</v>
      </c>
      <c r="C14" s="12">
        <v>741914502.82000005</v>
      </c>
      <c r="D14" s="12">
        <v>702413552.62</v>
      </c>
      <c r="E14" s="12">
        <v>783780752.19000006</v>
      </c>
      <c r="F14" s="12">
        <v>748341567.13999999</v>
      </c>
      <c r="G14" s="12">
        <v>708120565.13</v>
      </c>
      <c r="H14" s="12">
        <v>711196237.32000005</v>
      </c>
      <c r="I14" s="12">
        <v>720230018.72000003</v>
      </c>
      <c r="J14" s="12">
        <v>721187487.88</v>
      </c>
      <c r="K14" s="12">
        <v>712415564.96000004</v>
      </c>
      <c r="L14" s="12">
        <v>722827291.83000004</v>
      </c>
      <c r="M14" s="12">
        <v>749643307.91999996</v>
      </c>
      <c r="N14" s="12">
        <v>765580892.67999995</v>
      </c>
      <c r="O14" s="12">
        <v>8787651741.2099991</v>
      </c>
      <c r="P14" s="12">
        <v>8899909800</v>
      </c>
    </row>
    <row r="15" spans="1:16" x14ac:dyDescent="0.25">
      <c r="A15" s="2" t="s">
        <v>23</v>
      </c>
      <c r="B15" s="4" t="s">
        <v>514</v>
      </c>
      <c r="C15" s="12">
        <v>17082096.559999999</v>
      </c>
      <c r="D15" s="12">
        <v>17254558.920000002</v>
      </c>
      <c r="E15" s="12">
        <v>12542078.98</v>
      </c>
      <c r="F15" s="12">
        <v>50958935.829999998</v>
      </c>
      <c r="G15" s="12">
        <v>332588136.35000002</v>
      </c>
      <c r="H15" s="12">
        <v>57205801.259999998</v>
      </c>
      <c r="I15" s="12">
        <v>49735463.990000002</v>
      </c>
      <c r="J15" s="12">
        <v>56921423.43</v>
      </c>
      <c r="K15" s="12">
        <v>51737764.990000002</v>
      </c>
      <c r="L15" s="12">
        <v>25507359.68</v>
      </c>
      <c r="M15" s="12">
        <v>26668077.640000001</v>
      </c>
      <c r="N15" s="12">
        <v>21481617.890000001</v>
      </c>
      <c r="O15" s="12">
        <v>719683315.51999998</v>
      </c>
      <c r="P15" s="12">
        <v>695212300</v>
      </c>
    </row>
    <row r="16" spans="1:16" x14ac:dyDescent="0.25">
      <c r="A16" s="2" t="s">
        <v>25</v>
      </c>
      <c r="B16" s="4" t="s">
        <v>515</v>
      </c>
      <c r="C16" s="12">
        <v>13399800.73</v>
      </c>
      <c r="D16" s="12">
        <v>14542728.880000001</v>
      </c>
      <c r="E16" s="12">
        <v>12331779.34</v>
      </c>
      <c r="F16" s="12">
        <v>12122498.48</v>
      </c>
      <c r="G16" s="12">
        <v>10019102.74</v>
      </c>
      <c r="H16" s="12">
        <v>14783432.279999999</v>
      </c>
      <c r="I16" s="12">
        <v>9675585.8399999999</v>
      </c>
      <c r="J16" s="12">
        <v>8748173.4499999993</v>
      </c>
      <c r="K16" s="12">
        <v>14755951.73</v>
      </c>
      <c r="L16" s="12">
        <v>10392269.77</v>
      </c>
      <c r="M16" s="12">
        <v>16629102.25</v>
      </c>
      <c r="N16" s="12">
        <v>16574297.01</v>
      </c>
      <c r="O16" s="12">
        <v>153974722.5</v>
      </c>
      <c r="P16" s="12">
        <v>142312000</v>
      </c>
    </row>
    <row r="17" spans="1:16" x14ac:dyDescent="0.25">
      <c r="A17" s="2" t="s">
        <v>27</v>
      </c>
      <c r="B17" s="4" t="s">
        <v>516</v>
      </c>
      <c r="C17" s="12">
        <v>34976603.390000001</v>
      </c>
      <c r="D17" s="12">
        <v>53486251.369999997</v>
      </c>
      <c r="E17" s="12">
        <v>91280360.060000002</v>
      </c>
      <c r="F17" s="12">
        <v>109229299.95</v>
      </c>
      <c r="G17" s="12">
        <v>57528768.539999999</v>
      </c>
      <c r="H17" s="12">
        <v>46294688.600000001</v>
      </c>
      <c r="I17" s="12">
        <v>45701880.090000004</v>
      </c>
      <c r="J17" s="12">
        <v>65558385.710000001</v>
      </c>
      <c r="K17" s="12">
        <v>41410230.409999996</v>
      </c>
      <c r="L17" s="12">
        <v>255387165.09</v>
      </c>
      <c r="M17" s="12">
        <v>75330234.260000005</v>
      </c>
      <c r="N17" s="12">
        <v>34774188.5</v>
      </c>
      <c r="O17" s="12">
        <v>910958055.97000003</v>
      </c>
      <c r="P17" s="12">
        <v>949714500</v>
      </c>
    </row>
    <row r="18" spans="1:16" x14ac:dyDescent="0.25">
      <c r="A18" s="2" t="s">
        <v>29</v>
      </c>
      <c r="B18" s="4" t="s">
        <v>517</v>
      </c>
      <c r="C18" s="12">
        <v>17575825.670000002</v>
      </c>
      <c r="D18" s="12">
        <v>18142003.539999999</v>
      </c>
      <c r="E18" s="12">
        <v>20247083.379999999</v>
      </c>
      <c r="F18" s="12">
        <v>21817652.5</v>
      </c>
      <c r="G18" s="12">
        <v>13753569.58</v>
      </c>
      <c r="H18" s="12">
        <v>15263238.380000001</v>
      </c>
      <c r="I18" s="12">
        <v>28897163.84</v>
      </c>
      <c r="J18" s="12">
        <v>19253919.140000001</v>
      </c>
      <c r="K18" s="12">
        <v>20827756.91</v>
      </c>
      <c r="L18" s="12">
        <v>19965745.969999999</v>
      </c>
      <c r="M18" s="12">
        <v>23409674.34</v>
      </c>
      <c r="N18" s="12">
        <v>24940304.690000001</v>
      </c>
      <c r="O18" s="12">
        <v>244093937.94</v>
      </c>
      <c r="P18" s="12">
        <v>262173100</v>
      </c>
    </row>
    <row r="19" spans="1:16" x14ac:dyDescent="0.25">
      <c r="A19" s="2" t="s">
        <v>31</v>
      </c>
      <c r="B19" s="4" t="s">
        <v>238</v>
      </c>
      <c r="C19" s="12">
        <v>50102838.780000001</v>
      </c>
      <c r="D19" s="12">
        <v>47503966.060000002</v>
      </c>
      <c r="E19" s="12">
        <v>52182181.75</v>
      </c>
      <c r="F19" s="12">
        <v>74699318.819999993</v>
      </c>
      <c r="G19" s="12">
        <v>68457199.200000003</v>
      </c>
      <c r="H19" s="12">
        <v>35842850.439999998</v>
      </c>
      <c r="I19" s="12">
        <v>67774920.890000001</v>
      </c>
      <c r="J19" s="12">
        <v>46564557.840000004</v>
      </c>
      <c r="K19" s="12">
        <v>32991929.699999999</v>
      </c>
      <c r="L19" s="12">
        <v>32689805.719999999</v>
      </c>
      <c r="M19" s="12">
        <v>60354633.600000001</v>
      </c>
      <c r="N19" s="12">
        <v>49235037.119999997</v>
      </c>
      <c r="O19" s="12">
        <v>618399239.91999996</v>
      </c>
      <c r="P19" s="12">
        <v>740843000</v>
      </c>
    </row>
    <row r="20" spans="1:16" x14ac:dyDescent="0.25">
      <c r="A20" s="3" t="s">
        <v>33</v>
      </c>
      <c r="B20" s="5" t="s">
        <v>248</v>
      </c>
      <c r="C20" s="11">
        <v>5880740.1100000003</v>
      </c>
      <c r="D20" s="11">
        <v>6678904.4500000002</v>
      </c>
      <c r="E20" s="11">
        <v>77545184.769999996</v>
      </c>
      <c r="F20" s="11">
        <v>5844072.5099999998</v>
      </c>
      <c r="G20" s="11">
        <v>15580901.82</v>
      </c>
      <c r="H20" s="11">
        <v>7787870.6100000003</v>
      </c>
      <c r="I20" s="11">
        <v>5537391.8799999999</v>
      </c>
      <c r="J20" s="11">
        <v>5782852.0300000003</v>
      </c>
      <c r="K20" s="11">
        <v>13027945.1</v>
      </c>
      <c r="L20" s="11">
        <v>8154317.7000000002</v>
      </c>
      <c r="M20" s="11">
        <v>13012557.289999999</v>
      </c>
      <c r="N20" s="11">
        <v>7347440.9199999999</v>
      </c>
      <c r="O20" s="11">
        <v>172180179.19</v>
      </c>
      <c r="P20" s="11">
        <v>111402500</v>
      </c>
    </row>
    <row r="21" spans="1:16" x14ac:dyDescent="0.25">
      <c r="A21" s="2" t="s">
        <v>35</v>
      </c>
      <c r="B21" s="4" t="s">
        <v>518</v>
      </c>
      <c r="C21" s="12">
        <v>3758854.45</v>
      </c>
      <c r="D21" s="12">
        <v>4814384.5999999996</v>
      </c>
      <c r="E21" s="12">
        <v>4271633.8899999997</v>
      </c>
      <c r="F21" s="12">
        <v>4009817.81</v>
      </c>
      <c r="G21" s="12">
        <v>4108758.04</v>
      </c>
      <c r="H21" s="12">
        <v>4841847.63</v>
      </c>
      <c r="I21" s="12">
        <v>4232759.55</v>
      </c>
      <c r="J21" s="12">
        <v>4645550.29</v>
      </c>
      <c r="K21" s="12">
        <v>5437375.0199999996</v>
      </c>
      <c r="L21" s="12">
        <v>4581150.57</v>
      </c>
      <c r="M21" s="12">
        <v>6135837.1200000001</v>
      </c>
      <c r="N21" s="12">
        <v>5339292.57</v>
      </c>
      <c r="O21" s="12">
        <v>56177261.539999999</v>
      </c>
      <c r="P21" s="12">
        <v>61679300</v>
      </c>
    </row>
    <row r="22" spans="1:16" x14ac:dyDescent="0.25">
      <c r="A22" s="2" t="s">
        <v>37</v>
      </c>
      <c r="B22" s="4" t="s">
        <v>519</v>
      </c>
      <c r="C22" s="12">
        <v>2121885.66</v>
      </c>
      <c r="D22" s="12">
        <v>1864519.85</v>
      </c>
      <c r="E22" s="12">
        <v>73273550.879999995</v>
      </c>
      <c r="F22" s="12">
        <v>1834254.7</v>
      </c>
      <c r="G22" s="12">
        <v>11472143.779999999</v>
      </c>
      <c r="H22" s="12">
        <v>2946022.98</v>
      </c>
      <c r="I22" s="12">
        <v>1304632.33</v>
      </c>
      <c r="J22" s="12">
        <v>1137301.74</v>
      </c>
      <c r="K22" s="12">
        <v>7590570.0800000001</v>
      </c>
      <c r="L22" s="12">
        <v>3573167.13</v>
      </c>
      <c r="M22" s="12">
        <v>6876720.1699999999</v>
      </c>
      <c r="N22" s="12">
        <v>2008148.35</v>
      </c>
      <c r="O22" s="12">
        <v>116002917.65000001</v>
      </c>
      <c r="P22" s="12">
        <v>49723200</v>
      </c>
    </row>
    <row r="23" spans="1:16" x14ac:dyDescent="0.25">
      <c r="A23" s="2" t="s">
        <v>39</v>
      </c>
      <c r="B23" s="4" t="s">
        <v>264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1</v>
      </c>
      <c r="B24" s="4" t="s">
        <v>266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3</v>
      </c>
      <c r="B25" s="4" t="s">
        <v>268</v>
      </c>
      <c r="C25" s="12">
        <v>75028557.780000001</v>
      </c>
      <c r="D25" s="12">
        <v>68402007.189999998</v>
      </c>
      <c r="E25" s="12">
        <v>57761504.130000003</v>
      </c>
      <c r="F25" s="12">
        <v>57441537.530000001</v>
      </c>
      <c r="G25" s="12">
        <v>49956139.68</v>
      </c>
      <c r="H25" s="12">
        <v>60577018.950000003</v>
      </c>
      <c r="I25" s="12">
        <v>66429048.439999998</v>
      </c>
      <c r="J25" s="12">
        <v>76540043.790000007</v>
      </c>
      <c r="K25" s="12">
        <v>77339189.400000006</v>
      </c>
      <c r="L25" s="12">
        <v>54469854.289999999</v>
      </c>
      <c r="M25" s="12">
        <v>95954947.030000001</v>
      </c>
      <c r="N25" s="12">
        <v>78083157.140000001</v>
      </c>
      <c r="O25" s="12">
        <v>817983005.35000002</v>
      </c>
      <c r="P25" s="12">
        <v>806963600</v>
      </c>
    </row>
    <row r="26" spans="1:16" x14ac:dyDescent="0.25">
      <c r="A26" s="3" t="s">
        <v>45</v>
      </c>
      <c r="B26" s="5" t="s">
        <v>280</v>
      </c>
      <c r="C26" s="11">
        <v>241253957.09999999</v>
      </c>
      <c r="D26" s="11">
        <v>267197272.56</v>
      </c>
      <c r="E26" s="11">
        <v>282150663.38999999</v>
      </c>
      <c r="F26" s="11">
        <v>306343879.17000002</v>
      </c>
      <c r="G26" s="11">
        <v>322399021.38</v>
      </c>
      <c r="H26" s="11">
        <v>337581617.63</v>
      </c>
      <c r="I26" s="11">
        <v>268002789.59</v>
      </c>
      <c r="J26" s="11">
        <v>287684566.73000002</v>
      </c>
      <c r="K26" s="11">
        <v>303266061.31</v>
      </c>
      <c r="L26" s="11">
        <v>269246910.10000002</v>
      </c>
      <c r="M26" s="11">
        <v>265447802.34</v>
      </c>
      <c r="N26" s="11">
        <v>280469933.91000003</v>
      </c>
      <c r="O26" s="11">
        <v>3431044475.21</v>
      </c>
      <c r="P26" s="11">
        <v>3762164900</v>
      </c>
    </row>
    <row r="27" spans="1:16" x14ac:dyDescent="0.25">
      <c r="A27" s="2" t="s">
        <v>47</v>
      </c>
      <c r="B27" s="4" t="s">
        <v>520</v>
      </c>
      <c r="C27" s="12">
        <v>71067619.069999993</v>
      </c>
      <c r="D27" s="12">
        <v>80326529.560000002</v>
      </c>
      <c r="E27" s="12">
        <v>101779078.59999999</v>
      </c>
      <c r="F27" s="12">
        <v>127210885.09</v>
      </c>
      <c r="G27" s="12">
        <v>127315074.43000001</v>
      </c>
      <c r="H27" s="12">
        <v>139239331.03</v>
      </c>
      <c r="I27" s="12">
        <v>106049141.79000001</v>
      </c>
      <c r="J27" s="12">
        <v>101022152.94</v>
      </c>
      <c r="K27" s="12">
        <v>130771618.27</v>
      </c>
      <c r="L27" s="12">
        <v>101892513.95</v>
      </c>
      <c r="M27" s="12">
        <v>85081290.670000002</v>
      </c>
      <c r="N27" s="12">
        <v>104425759.15000001</v>
      </c>
      <c r="O27" s="12">
        <v>1276180994.55</v>
      </c>
      <c r="P27" s="12">
        <v>1218808000</v>
      </c>
    </row>
    <row r="28" spans="1:16" x14ac:dyDescent="0.25">
      <c r="A28" s="2" t="s">
        <v>49</v>
      </c>
      <c r="B28" s="4" t="s">
        <v>521</v>
      </c>
      <c r="C28" s="12">
        <v>1473863.44</v>
      </c>
      <c r="D28" s="12">
        <v>1473863.44</v>
      </c>
      <c r="E28" s="12">
        <v>1473863.44</v>
      </c>
      <c r="F28" s="12">
        <v>1473863.44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  <c r="O28" s="12">
        <v>5895453.7599999998</v>
      </c>
      <c r="P28" s="12">
        <v>18217000</v>
      </c>
    </row>
    <row r="29" spans="1:16" x14ac:dyDescent="0.25">
      <c r="A29" s="2" t="s">
        <v>51</v>
      </c>
      <c r="B29" s="4" t="s">
        <v>522</v>
      </c>
      <c r="C29" s="12">
        <v>8269321.9299999997</v>
      </c>
      <c r="D29" s="12">
        <v>8393294.1099999994</v>
      </c>
      <c r="E29" s="12">
        <v>8058060.5499999998</v>
      </c>
      <c r="F29" s="12">
        <v>9709675.4700000007</v>
      </c>
      <c r="G29" s="12">
        <v>8257372.0599999996</v>
      </c>
      <c r="H29" s="12">
        <v>8740908.7799999993</v>
      </c>
      <c r="I29" s="12">
        <v>8441809.6300000008</v>
      </c>
      <c r="J29" s="12">
        <v>8558403.0999999996</v>
      </c>
      <c r="K29" s="12">
        <v>8380277.9900000002</v>
      </c>
      <c r="L29" s="12">
        <v>8788536.3300000001</v>
      </c>
      <c r="M29" s="12">
        <v>8896836.8000000007</v>
      </c>
      <c r="N29" s="12">
        <v>7962746.9800000004</v>
      </c>
      <c r="O29" s="12">
        <v>102457243.73</v>
      </c>
      <c r="P29" s="12">
        <v>105726200</v>
      </c>
    </row>
    <row r="30" spans="1:16" x14ac:dyDescent="0.25">
      <c r="A30" s="2" t="s">
        <v>53</v>
      </c>
      <c r="B30" s="4" t="s">
        <v>523</v>
      </c>
      <c r="C30" s="12">
        <v>77459303.269999996</v>
      </c>
      <c r="D30" s="12">
        <v>91937703.189999998</v>
      </c>
      <c r="E30" s="12">
        <v>87393058.790000007</v>
      </c>
      <c r="F30" s="12">
        <v>84843208.150000006</v>
      </c>
      <c r="G30" s="12">
        <v>107790832.87</v>
      </c>
      <c r="H30" s="12">
        <v>107224946.70999999</v>
      </c>
      <c r="I30" s="12">
        <v>78504689.420000002</v>
      </c>
      <c r="J30" s="12">
        <v>98704077.629999995</v>
      </c>
      <c r="K30" s="12">
        <v>85135303.900000006</v>
      </c>
      <c r="L30" s="12">
        <v>79082064.379999995</v>
      </c>
      <c r="M30" s="12">
        <v>90709679.790000007</v>
      </c>
      <c r="N30" s="12">
        <v>86543559.480000004</v>
      </c>
      <c r="O30" s="12">
        <v>1075328427.5799999</v>
      </c>
      <c r="P30" s="12">
        <v>1153811400</v>
      </c>
    </row>
    <row r="31" spans="1:16" x14ac:dyDescent="0.25">
      <c r="A31" s="2" t="s">
        <v>55</v>
      </c>
      <c r="B31" s="4" t="s">
        <v>524</v>
      </c>
      <c r="C31" s="12">
        <v>82983849.390000001</v>
      </c>
      <c r="D31" s="12">
        <v>85065882.260000005</v>
      </c>
      <c r="E31" s="12">
        <v>83446602.010000005</v>
      </c>
      <c r="F31" s="12">
        <v>83106247.019999996</v>
      </c>
      <c r="G31" s="12">
        <v>79035742.019999996</v>
      </c>
      <c r="H31" s="12">
        <v>82376431.109999999</v>
      </c>
      <c r="I31" s="12">
        <v>75007148.75</v>
      </c>
      <c r="J31" s="12">
        <v>79399933.060000002</v>
      </c>
      <c r="K31" s="12">
        <v>78978861.150000006</v>
      </c>
      <c r="L31" s="12">
        <v>79483795.439999998</v>
      </c>
      <c r="M31" s="12">
        <v>80759995.079999998</v>
      </c>
      <c r="N31" s="12">
        <v>81537868.299999997</v>
      </c>
      <c r="O31" s="12">
        <v>971182355.59000003</v>
      </c>
      <c r="P31" s="12">
        <v>1265602300</v>
      </c>
    </row>
    <row r="32" spans="1:16" x14ac:dyDescent="0.25">
      <c r="A32" s="2" t="s">
        <v>57</v>
      </c>
      <c r="B32" s="4" t="s">
        <v>298</v>
      </c>
      <c r="C32" s="12">
        <v>5825558.3099999996</v>
      </c>
      <c r="D32" s="12">
        <v>9598278.8100000005</v>
      </c>
      <c r="E32" s="12">
        <v>10698522.16</v>
      </c>
      <c r="F32" s="12">
        <v>24930916.789999999</v>
      </c>
      <c r="G32" s="12">
        <v>5923322.0099999998</v>
      </c>
      <c r="H32" s="12">
        <v>5459988.4100000001</v>
      </c>
      <c r="I32" s="12">
        <v>4917158.74</v>
      </c>
      <c r="J32" s="12">
        <v>7357046.9299999997</v>
      </c>
      <c r="K32" s="12">
        <v>9790998.0199999996</v>
      </c>
      <c r="L32" s="12">
        <v>6089630.5599999996</v>
      </c>
      <c r="M32" s="12">
        <v>10871633.310000001</v>
      </c>
      <c r="N32" s="12">
        <v>8288639.4299999997</v>
      </c>
      <c r="O32" s="12">
        <v>109751693.48</v>
      </c>
      <c r="P32" s="12">
        <v>59245900</v>
      </c>
    </row>
    <row r="33" spans="1:16" x14ac:dyDescent="0.25">
      <c r="A33" s="3" t="s">
        <v>59</v>
      </c>
      <c r="B33" s="5" t="s">
        <v>525</v>
      </c>
      <c r="C33" s="11">
        <v>390429671.62</v>
      </c>
      <c r="D33" s="11">
        <v>375389511.77999997</v>
      </c>
      <c r="E33" s="11">
        <v>412667084.89999998</v>
      </c>
      <c r="F33" s="11">
        <v>446139901.81</v>
      </c>
      <c r="G33" s="11">
        <v>609831467</v>
      </c>
      <c r="H33" s="11">
        <v>401472922.54000002</v>
      </c>
      <c r="I33" s="11">
        <v>424912473.44999999</v>
      </c>
      <c r="J33" s="11">
        <v>408771090.25999999</v>
      </c>
      <c r="K33" s="11">
        <v>394204306.04000002</v>
      </c>
      <c r="L33" s="11">
        <v>375802161.5</v>
      </c>
      <c r="M33" s="11">
        <v>414083907.75999999</v>
      </c>
      <c r="N33" s="11">
        <v>408511340.61000001</v>
      </c>
      <c r="O33" s="11">
        <v>5062215839.2700005</v>
      </c>
      <c r="P33" s="11">
        <v>5199424500</v>
      </c>
    </row>
    <row r="34" spans="1:16" x14ac:dyDescent="0.25">
      <c r="A34" s="2" t="s">
        <v>61</v>
      </c>
      <c r="B34" s="4" t="s">
        <v>526</v>
      </c>
      <c r="C34" s="12">
        <v>208585218.97</v>
      </c>
      <c r="D34" s="12">
        <v>199981160.97</v>
      </c>
      <c r="E34" s="12">
        <v>217007288.58000001</v>
      </c>
      <c r="F34" s="12">
        <v>208571466.68000001</v>
      </c>
      <c r="G34" s="12">
        <v>372869598.63</v>
      </c>
      <c r="H34" s="12">
        <v>220874178.19</v>
      </c>
      <c r="I34" s="12">
        <v>219514191.33000001</v>
      </c>
      <c r="J34" s="12">
        <v>224680727.99000001</v>
      </c>
      <c r="K34" s="12">
        <v>218500821.84</v>
      </c>
      <c r="L34" s="12">
        <v>208038120.71000001</v>
      </c>
      <c r="M34" s="12">
        <v>216610993.72999999</v>
      </c>
      <c r="N34" s="12">
        <v>216579510.46000001</v>
      </c>
      <c r="O34" s="12">
        <v>2731813278.0799999</v>
      </c>
      <c r="P34" s="12">
        <v>2752697800</v>
      </c>
    </row>
    <row r="35" spans="1:16" x14ac:dyDescent="0.25">
      <c r="A35" s="2" t="s">
        <v>63</v>
      </c>
      <c r="B35" s="4" t="s">
        <v>527</v>
      </c>
      <c r="C35" s="12">
        <v>49999523.130000003</v>
      </c>
      <c r="D35" s="12">
        <v>47371524.539999999</v>
      </c>
      <c r="E35" s="12">
        <v>52080540.219999999</v>
      </c>
      <c r="F35" s="12">
        <v>74569083.010000005</v>
      </c>
      <c r="G35" s="12">
        <v>68362440.730000004</v>
      </c>
      <c r="H35" s="12">
        <v>35713879.479999997</v>
      </c>
      <c r="I35" s="12">
        <v>67674724.230000004</v>
      </c>
      <c r="J35" s="12">
        <v>45908667.18</v>
      </c>
      <c r="K35" s="12">
        <v>33347952.16</v>
      </c>
      <c r="L35" s="12">
        <v>32600094.309999999</v>
      </c>
      <c r="M35" s="12">
        <v>60241342.340000004</v>
      </c>
      <c r="N35" s="12">
        <v>49013028.57</v>
      </c>
      <c r="O35" s="12">
        <v>616882799.89999998</v>
      </c>
      <c r="P35" s="12">
        <v>740843000</v>
      </c>
    </row>
    <row r="36" spans="1:16" x14ac:dyDescent="0.25">
      <c r="A36" s="2" t="s">
        <v>65</v>
      </c>
      <c r="B36" s="4" t="s">
        <v>528</v>
      </c>
      <c r="C36" s="12">
        <v>103315.65</v>
      </c>
      <c r="D36" s="12">
        <v>132441.51999999999</v>
      </c>
      <c r="E36" s="12">
        <v>101641.53</v>
      </c>
      <c r="F36" s="12">
        <v>15644394.67</v>
      </c>
      <c r="G36" s="12">
        <v>35453.519999999997</v>
      </c>
      <c r="H36" s="12">
        <v>25983</v>
      </c>
      <c r="I36" s="12">
        <v>0</v>
      </c>
      <c r="J36" s="12">
        <v>756087.32</v>
      </c>
      <c r="K36" s="12">
        <v>-356022.46</v>
      </c>
      <c r="L36" s="12">
        <v>89711.41</v>
      </c>
      <c r="M36" s="12">
        <v>113291.26</v>
      </c>
      <c r="N36" s="12">
        <v>222008.55</v>
      </c>
      <c r="O36" s="12">
        <v>16868305.969999999</v>
      </c>
      <c r="P36" s="12">
        <v>0</v>
      </c>
    </row>
    <row r="37" spans="1:16" x14ac:dyDescent="0.25">
      <c r="A37" s="2" t="s">
        <v>67</v>
      </c>
      <c r="B37" s="4" t="s">
        <v>529</v>
      </c>
      <c r="C37" s="12">
        <v>131741613.87</v>
      </c>
      <c r="D37" s="12">
        <v>127904384.75</v>
      </c>
      <c r="E37" s="12">
        <v>143477614.56999999</v>
      </c>
      <c r="F37" s="12">
        <v>147354957.44999999</v>
      </c>
      <c r="G37" s="12">
        <v>168563974.12</v>
      </c>
      <c r="H37" s="12">
        <v>144858881.87</v>
      </c>
      <c r="I37" s="12">
        <v>137723557.88999999</v>
      </c>
      <c r="J37" s="12">
        <v>137425607.77000001</v>
      </c>
      <c r="K37" s="12">
        <v>142711554.5</v>
      </c>
      <c r="L37" s="12">
        <v>135074235.06999999</v>
      </c>
      <c r="M37" s="12">
        <v>137118280.43000001</v>
      </c>
      <c r="N37" s="12">
        <v>142696793.03</v>
      </c>
      <c r="O37" s="12">
        <v>1696651455.3199999</v>
      </c>
      <c r="P37" s="12">
        <v>1705883700</v>
      </c>
    </row>
    <row r="38" spans="1:16" x14ac:dyDescent="0.25">
      <c r="A38" s="3" t="s">
        <v>69</v>
      </c>
      <c r="B38" s="5" t="s">
        <v>530</v>
      </c>
      <c r="C38" s="11">
        <v>812610809.63</v>
      </c>
      <c r="D38" s="11">
        <v>829830012.62</v>
      </c>
      <c r="E38" s="11">
        <v>987853025.25</v>
      </c>
      <c r="F38" s="11">
        <v>965589776.90999997</v>
      </c>
      <c r="G38" s="11">
        <v>974495259.42999995</v>
      </c>
      <c r="H38" s="11">
        <v>890519821.34000003</v>
      </c>
      <c r="I38" s="11">
        <v>841988948.57000005</v>
      </c>
      <c r="J38" s="11">
        <v>886827366.66999996</v>
      </c>
      <c r="K38" s="11">
        <v>883359086.49000001</v>
      </c>
      <c r="L38" s="11">
        <v>1028928189.21</v>
      </c>
      <c r="M38" s="11">
        <v>923238062.22000003</v>
      </c>
      <c r="N38" s="11">
        <v>878264168.67999995</v>
      </c>
      <c r="O38" s="11">
        <v>10903504527.02</v>
      </c>
      <c r="P38" s="11">
        <v>11230517100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1"/>
  <sheetViews>
    <sheetView showGridLines="0" workbookViewId="0"/>
  </sheetViews>
  <sheetFormatPr defaultRowHeight="15" x14ac:dyDescent="0.25"/>
  <cols>
    <col min="1" max="1" width="3.7109375" bestFit="1" customWidth="1"/>
    <col min="2" max="2" width="50.140625" bestFit="1" customWidth="1"/>
    <col min="3" max="6" width="19.140625" bestFit="1" customWidth="1"/>
    <col min="7" max="8" width="19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531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532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533</v>
      </c>
      <c r="C10" s="10" t="s">
        <v>9</v>
      </c>
      <c r="D10" s="10" t="s">
        <v>534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535</v>
      </c>
      <c r="F11" s="1" t="s">
        <v>536</v>
      </c>
    </row>
    <row r="12" spans="1:8" x14ac:dyDescent="0.25">
      <c r="A12" s="3" t="s">
        <v>17</v>
      </c>
      <c r="B12" s="5" t="s">
        <v>511</v>
      </c>
      <c r="C12" s="11">
        <v>2040298300</v>
      </c>
      <c r="D12" s="11">
        <v>2678228300</v>
      </c>
      <c r="E12" s="11">
        <v>1749552759.27</v>
      </c>
      <c r="F12" s="11">
        <v>1923718732.5899999</v>
      </c>
    </row>
    <row r="13" spans="1:8" x14ac:dyDescent="0.25">
      <c r="A13" s="3" t="s">
        <v>19</v>
      </c>
      <c r="B13" s="5" t="s">
        <v>537</v>
      </c>
      <c r="C13" s="11">
        <v>675109000</v>
      </c>
      <c r="D13" s="11">
        <v>740843000</v>
      </c>
      <c r="E13" s="11">
        <v>392862129</v>
      </c>
      <c r="F13" s="11">
        <v>405361466.05000001</v>
      </c>
    </row>
    <row r="14" spans="1:8" x14ac:dyDescent="0.25">
      <c r="A14" s="3" t="s">
        <v>21</v>
      </c>
      <c r="B14" s="5" t="s">
        <v>538</v>
      </c>
      <c r="C14" s="11">
        <v>565853000</v>
      </c>
      <c r="D14" s="11">
        <v>631587000</v>
      </c>
      <c r="E14" s="11">
        <v>343605823.38999999</v>
      </c>
      <c r="F14" s="11">
        <v>349095158.19</v>
      </c>
    </row>
    <row r="15" spans="1:8" x14ac:dyDescent="0.25">
      <c r="A15" s="2" t="s">
        <v>23</v>
      </c>
      <c r="B15" s="4" t="s">
        <v>539</v>
      </c>
      <c r="C15" s="12">
        <v>416754700</v>
      </c>
      <c r="D15" s="12">
        <v>416754700</v>
      </c>
      <c r="E15" s="12">
        <v>210009146.22</v>
      </c>
      <c r="F15" s="12">
        <v>217873748.24000001</v>
      </c>
    </row>
    <row r="16" spans="1:8" x14ac:dyDescent="0.25">
      <c r="A16" s="2" t="s">
        <v>25</v>
      </c>
      <c r="B16" s="4" t="s">
        <v>540</v>
      </c>
      <c r="C16" s="12">
        <v>125747200</v>
      </c>
      <c r="D16" s="12">
        <v>187141200</v>
      </c>
      <c r="E16" s="12">
        <v>116919762.18000001</v>
      </c>
      <c r="F16" s="12">
        <v>114244359.03</v>
      </c>
    </row>
    <row r="17" spans="1:6" x14ac:dyDescent="0.25">
      <c r="A17" s="2" t="s">
        <v>27</v>
      </c>
      <c r="B17" s="4" t="s">
        <v>541</v>
      </c>
      <c r="C17" s="12">
        <v>23351100</v>
      </c>
      <c r="D17" s="12">
        <v>27691100</v>
      </c>
      <c r="E17" s="12">
        <v>16676914.99</v>
      </c>
      <c r="F17" s="12">
        <v>16977050.920000002</v>
      </c>
    </row>
    <row r="18" spans="1:6" x14ac:dyDescent="0.25">
      <c r="A18" s="3" t="s">
        <v>29</v>
      </c>
      <c r="B18" s="5" t="s">
        <v>542</v>
      </c>
      <c r="C18" s="11">
        <v>109256000</v>
      </c>
      <c r="D18" s="11">
        <v>109256000</v>
      </c>
      <c r="E18" s="11">
        <v>49256305.609999999</v>
      </c>
      <c r="F18" s="11">
        <v>56266307.859999999</v>
      </c>
    </row>
    <row r="19" spans="1:6" x14ac:dyDescent="0.25">
      <c r="A19" s="2" t="s">
        <v>31</v>
      </c>
      <c r="B19" s="4" t="s">
        <v>539</v>
      </c>
      <c r="C19" s="12">
        <v>83972400</v>
      </c>
      <c r="D19" s="12">
        <v>83972400</v>
      </c>
      <c r="E19" s="12">
        <v>29360521.920000002</v>
      </c>
      <c r="F19" s="12">
        <v>42035100.369999997</v>
      </c>
    </row>
    <row r="20" spans="1:6" x14ac:dyDescent="0.25">
      <c r="A20" s="2" t="s">
        <v>33</v>
      </c>
      <c r="B20" s="4" t="s">
        <v>540</v>
      </c>
      <c r="C20" s="12">
        <v>23897500</v>
      </c>
      <c r="D20" s="12">
        <v>23897500</v>
      </c>
      <c r="E20" s="12">
        <v>18838721.100000001</v>
      </c>
      <c r="F20" s="12">
        <v>13459481.41</v>
      </c>
    </row>
    <row r="21" spans="1:6" x14ac:dyDescent="0.25">
      <c r="A21" s="2" t="s">
        <v>35</v>
      </c>
      <c r="B21" s="4" t="s">
        <v>541</v>
      </c>
      <c r="C21" s="12">
        <v>1386100</v>
      </c>
      <c r="D21" s="12">
        <v>1386100</v>
      </c>
      <c r="E21" s="12">
        <v>1057062.5900000001</v>
      </c>
      <c r="F21" s="12">
        <v>771726.08</v>
      </c>
    </row>
    <row r="22" spans="1:6" x14ac:dyDescent="0.25">
      <c r="A22" s="3" t="s">
        <v>37</v>
      </c>
      <c r="B22" s="5" t="s">
        <v>543</v>
      </c>
      <c r="C22" s="11">
        <v>931125100</v>
      </c>
      <c r="D22" s="11">
        <v>1386181600</v>
      </c>
      <c r="E22" s="11">
        <v>930433835.99000001</v>
      </c>
      <c r="F22" s="11">
        <v>1023932177.86</v>
      </c>
    </row>
    <row r="23" spans="1:6" x14ac:dyDescent="0.25">
      <c r="A23" s="3" t="s">
        <v>39</v>
      </c>
      <c r="B23" s="5" t="s">
        <v>538</v>
      </c>
      <c r="C23" s="11">
        <v>772119300</v>
      </c>
      <c r="D23" s="11">
        <v>1227175800</v>
      </c>
      <c r="E23" s="11">
        <v>789072626.52999997</v>
      </c>
      <c r="F23" s="11">
        <v>851624966.14999998</v>
      </c>
    </row>
    <row r="24" spans="1:6" x14ac:dyDescent="0.25">
      <c r="A24" s="2" t="s">
        <v>41</v>
      </c>
      <c r="B24" s="4" t="s">
        <v>539</v>
      </c>
      <c r="C24" s="12">
        <v>418625500</v>
      </c>
      <c r="D24" s="12">
        <v>748927600</v>
      </c>
      <c r="E24" s="12">
        <v>434833101.35000002</v>
      </c>
      <c r="F24" s="12">
        <v>486454859.81999999</v>
      </c>
    </row>
    <row r="25" spans="1:6" x14ac:dyDescent="0.25">
      <c r="A25" s="2" t="s">
        <v>43</v>
      </c>
      <c r="B25" s="4" t="s">
        <v>540</v>
      </c>
      <c r="C25" s="12">
        <v>306598900</v>
      </c>
      <c r="D25" s="12">
        <v>431353300</v>
      </c>
      <c r="E25" s="12">
        <v>310599422.63</v>
      </c>
      <c r="F25" s="12">
        <v>322434344.95999998</v>
      </c>
    </row>
    <row r="26" spans="1:6" x14ac:dyDescent="0.25">
      <c r="A26" s="2" t="s">
        <v>45</v>
      </c>
      <c r="B26" s="4" t="s">
        <v>541</v>
      </c>
      <c r="C26" s="12">
        <v>46894900</v>
      </c>
      <c r="D26" s="12">
        <v>46894900</v>
      </c>
      <c r="E26" s="12">
        <v>43640102.549999997</v>
      </c>
      <c r="F26" s="12">
        <v>42735761.369999997</v>
      </c>
    </row>
    <row r="27" spans="1:6" x14ac:dyDescent="0.25">
      <c r="A27" s="3" t="s">
        <v>47</v>
      </c>
      <c r="B27" s="5" t="s">
        <v>542</v>
      </c>
      <c r="C27" s="11">
        <v>159005800</v>
      </c>
      <c r="D27" s="11">
        <v>159005800</v>
      </c>
      <c r="E27" s="11">
        <v>141361209.46000001</v>
      </c>
      <c r="F27" s="11">
        <v>172307211.71000001</v>
      </c>
    </row>
    <row r="28" spans="1:6" x14ac:dyDescent="0.25">
      <c r="A28" s="2" t="s">
        <v>49</v>
      </c>
      <c r="B28" s="4" t="s">
        <v>539</v>
      </c>
      <c r="C28" s="12">
        <v>84344800</v>
      </c>
      <c r="D28" s="12">
        <v>84344800</v>
      </c>
      <c r="E28" s="12">
        <v>68003128.950000003</v>
      </c>
      <c r="F28" s="12">
        <v>96348693.519999996</v>
      </c>
    </row>
    <row r="29" spans="1:6" x14ac:dyDescent="0.25">
      <c r="A29" s="2" t="s">
        <v>51</v>
      </c>
      <c r="B29" s="4" t="s">
        <v>540</v>
      </c>
      <c r="C29" s="12">
        <v>65605000</v>
      </c>
      <c r="D29" s="12">
        <v>65605000</v>
      </c>
      <c r="E29" s="12">
        <v>64758051.93</v>
      </c>
      <c r="F29" s="12">
        <v>66586268.600000001</v>
      </c>
    </row>
    <row r="30" spans="1:6" x14ac:dyDescent="0.25">
      <c r="A30" s="2" t="s">
        <v>53</v>
      </c>
      <c r="B30" s="4" t="s">
        <v>541</v>
      </c>
      <c r="C30" s="12">
        <v>9056000</v>
      </c>
      <c r="D30" s="12">
        <v>9056000</v>
      </c>
      <c r="E30" s="12">
        <v>8600028.5800000001</v>
      </c>
      <c r="F30" s="12">
        <v>9372249.5899999999</v>
      </c>
    </row>
    <row r="31" spans="1:6" x14ac:dyDescent="0.25">
      <c r="A31" s="3" t="s">
        <v>55</v>
      </c>
      <c r="B31" s="5" t="s">
        <v>544</v>
      </c>
      <c r="C31" s="11">
        <v>9328800</v>
      </c>
      <c r="D31" s="11">
        <v>9328800</v>
      </c>
      <c r="E31" s="11">
        <v>299676.65999999997</v>
      </c>
      <c r="F31" s="11">
        <v>3931891.43</v>
      </c>
    </row>
    <row r="32" spans="1:6" x14ac:dyDescent="0.25">
      <c r="A32" s="2" t="s">
        <v>57</v>
      </c>
      <c r="B32" s="4" t="s">
        <v>545</v>
      </c>
      <c r="C32" s="12">
        <v>0</v>
      </c>
      <c r="D32" s="12">
        <v>0</v>
      </c>
      <c r="E32" s="12">
        <v>0</v>
      </c>
      <c r="F32" s="12">
        <v>1954</v>
      </c>
    </row>
    <row r="33" spans="1:8" x14ac:dyDescent="0.25">
      <c r="A33" s="2" t="s">
        <v>59</v>
      </c>
      <c r="B33" s="4" t="s">
        <v>546</v>
      </c>
      <c r="C33" s="12">
        <v>9328800</v>
      </c>
      <c r="D33" s="12">
        <v>9328800</v>
      </c>
      <c r="E33" s="12">
        <v>299676.65999999997</v>
      </c>
      <c r="F33" s="12">
        <v>3929937.43</v>
      </c>
    </row>
    <row r="34" spans="1:8" x14ac:dyDescent="0.25">
      <c r="A34" s="2" t="s">
        <v>61</v>
      </c>
      <c r="B34" s="4" t="s">
        <v>547</v>
      </c>
      <c r="C34" s="12">
        <v>0</v>
      </c>
      <c r="D34" s="12">
        <v>0</v>
      </c>
      <c r="E34" s="12">
        <v>0</v>
      </c>
      <c r="F34" s="12">
        <v>0</v>
      </c>
    </row>
    <row r="35" spans="1:8" x14ac:dyDescent="0.25">
      <c r="A35" s="2" t="s">
        <v>63</v>
      </c>
      <c r="B35" s="4" t="s">
        <v>548</v>
      </c>
      <c r="C35" s="12">
        <v>0</v>
      </c>
      <c r="D35" s="12">
        <v>0</v>
      </c>
      <c r="E35" s="12">
        <v>0</v>
      </c>
      <c r="F35" s="12">
        <v>0</v>
      </c>
    </row>
    <row r="36" spans="1:8" x14ac:dyDescent="0.25">
      <c r="A36" s="3" t="s">
        <v>65</v>
      </c>
      <c r="B36" s="5" t="s">
        <v>549</v>
      </c>
      <c r="C36" s="11">
        <v>424735400</v>
      </c>
      <c r="D36" s="11">
        <v>541874900</v>
      </c>
      <c r="E36" s="11">
        <v>425957117.62</v>
      </c>
      <c r="F36" s="11">
        <v>490493197.25</v>
      </c>
    </row>
    <row r="37" spans="1:8" x14ac:dyDescent="0.25">
      <c r="A37" s="2" t="s">
        <v>67</v>
      </c>
      <c r="B37" s="4" t="s">
        <v>550</v>
      </c>
      <c r="C37" s="12">
        <v>0</v>
      </c>
      <c r="D37" s="12">
        <v>0</v>
      </c>
      <c r="E37" s="12">
        <v>61436.52</v>
      </c>
      <c r="F37" s="12">
        <v>0</v>
      </c>
    </row>
    <row r="38" spans="1:8" x14ac:dyDescent="0.25">
      <c r="A38" s="2" t="s">
        <v>69</v>
      </c>
      <c r="B38" s="4" t="s">
        <v>551</v>
      </c>
      <c r="C38" s="12">
        <v>424735400</v>
      </c>
      <c r="D38" s="12">
        <v>541874900</v>
      </c>
      <c r="E38" s="12">
        <v>425641679.06</v>
      </c>
      <c r="F38" s="12">
        <v>489916133.33999997</v>
      </c>
    </row>
    <row r="39" spans="1:8" x14ac:dyDescent="0.25">
      <c r="A39" s="2" t="s">
        <v>71</v>
      </c>
      <c r="B39" s="4" t="s">
        <v>552</v>
      </c>
      <c r="C39" s="12">
        <v>0</v>
      </c>
      <c r="D39" s="12">
        <v>0</v>
      </c>
      <c r="E39" s="12">
        <v>254002.04</v>
      </c>
      <c r="F39" s="12">
        <v>577063.91</v>
      </c>
    </row>
    <row r="40" spans="1:8" x14ac:dyDescent="0.25">
      <c r="A40" s="3" t="s">
        <v>73</v>
      </c>
      <c r="B40" s="5" t="s">
        <v>553</v>
      </c>
      <c r="C40" s="11">
        <v>0</v>
      </c>
      <c r="D40" s="11">
        <v>0</v>
      </c>
      <c r="E40" s="11">
        <v>0</v>
      </c>
      <c r="F40" s="11">
        <v>0</v>
      </c>
    </row>
    <row r="41" spans="1:8" x14ac:dyDescent="0.25">
      <c r="A41" s="2" t="s">
        <v>75</v>
      </c>
      <c r="B41" s="4" t="s">
        <v>554</v>
      </c>
      <c r="C41" s="12">
        <v>0</v>
      </c>
      <c r="D41" s="12">
        <v>0</v>
      </c>
      <c r="E41" s="12">
        <v>0</v>
      </c>
      <c r="F41" s="12">
        <v>0</v>
      </c>
    </row>
    <row r="42" spans="1:8" x14ac:dyDescent="0.25">
      <c r="A42" s="2" t="s">
        <v>77</v>
      </c>
      <c r="B42" s="4" t="s">
        <v>555</v>
      </c>
      <c r="C42" s="12">
        <v>0</v>
      </c>
      <c r="D42" s="12">
        <v>0</v>
      </c>
      <c r="E42" s="12">
        <v>0</v>
      </c>
      <c r="F42" s="12">
        <v>0</v>
      </c>
    </row>
    <row r="43" spans="1:8" x14ac:dyDescent="0.25">
      <c r="A43" s="2" t="s">
        <v>79</v>
      </c>
      <c r="B43" s="4" t="s">
        <v>556</v>
      </c>
      <c r="C43" s="12">
        <v>0</v>
      </c>
      <c r="D43" s="12">
        <v>0</v>
      </c>
      <c r="E43" s="12">
        <v>0</v>
      </c>
      <c r="F43" s="12">
        <v>0</v>
      </c>
    </row>
    <row r="44" spans="1:8" x14ac:dyDescent="0.25">
      <c r="A44" s="2" t="s">
        <v>81</v>
      </c>
      <c r="B44" s="4" t="s">
        <v>557</v>
      </c>
      <c r="C44" s="12">
        <v>1615562900</v>
      </c>
      <c r="D44" s="12">
        <v>2136353400</v>
      </c>
      <c r="E44" s="12">
        <v>1323911080.21</v>
      </c>
      <c r="F44" s="12">
        <v>1433802599.25</v>
      </c>
    </row>
    <row r="46" spans="1:8" x14ac:dyDescent="0.25">
      <c r="A46" s="10" t="s">
        <v>6</v>
      </c>
      <c r="B46" s="10" t="s">
        <v>558</v>
      </c>
      <c r="C46" s="10" t="s">
        <v>369</v>
      </c>
      <c r="D46" s="10" t="s">
        <v>559</v>
      </c>
      <c r="E46" s="10" t="s">
        <v>168</v>
      </c>
      <c r="F46" s="10" t="s">
        <v>7</v>
      </c>
      <c r="G46" s="10" t="s">
        <v>172</v>
      </c>
      <c r="H46" s="10" t="s">
        <v>172</v>
      </c>
    </row>
    <row r="47" spans="1:8" ht="21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" t="s">
        <v>535</v>
      </c>
      <c r="F47" s="1" t="s">
        <v>536</v>
      </c>
      <c r="G47" s="1" t="s">
        <v>535</v>
      </c>
      <c r="H47" s="1" t="s">
        <v>536</v>
      </c>
    </row>
    <row r="48" spans="1:8" x14ac:dyDescent="0.25">
      <c r="A48" s="3" t="s">
        <v>83</v>
      </c>
      <c r="B48" s="5" t="s">
        <v>560</v>
      </c>
      <c r="C48" s="11">
        <v>40132800</v>
      </c>
      <c r="D48" s="11">
        <v>18627460</v>
      </c>
      <c r="E48" s="11">
        <v>4272126.58</v>
      </c>
      <c r="F48" s="11">
        <v>6259670.25</v>
      </c>
      <c r="G48" s="11">
        <v>4129805.3</v>
      </c>
      <c r="H48" s="11">
        <v>5780661.2800000003</v>
      </c>
    </row>
    <row r="49" spans="1:8" x14ac:dyDescent="0.25">
      <c r="A49" s="2" t="s">
        <v>85</v>
      </c>
      <c r="B49" s="4" t="s">
        <v>561</v>
      </c>
      <c r="C49" s="12">
        <v>32344800</v>
      </c>
      <c r="D49" s="12">
        <v>16939460</v>
      </c>
      <c r="E49" s="12">
        <v>4272126.58</v>
      </c>
      <c r="F49" s="12">
        <v>6259670.25</v>
      </c>
      <c r="G49" s="12">
        <v>4129805.3</v>
      </c>
      <c r="H49" s="12">
        <v>5780661.2800000003</v>
      </c>
    </row>
    <row r="50" spans="1:8" x14ac:dyDescent="0.25">
      <c r="A50" s="2" t="s">
        <v>87</v>
      </c>
      <c r="B50" s="4" t="s">
        <v>562</v>
      </c>
      <c r="C50" s="12">
        <v>7788000</v>
      </c>
      <c r="D50" s="12">
        <v>1688000</v>
      </c>
      <c r="E50" s="12">
        <v>0</v>
      </c>
      <c r="F50" s="12">
        <v>0</v>
      </c>
      <c r="G50" s="12">
        <v>0</v>
      </c>
      <c r="H50" s="12">
        <v>0</v>
      </c>
    </row>
    <row r="51" spans="1:8" x14ac:dyDescent="0.25">
      <c r="A51" s="3" t="s">
        <v>89</v>
      </c>
      <c r="B51" s="5" t="s">
        <v>563</v>
      </c>
      <c r="C51" s="11">
        <v>2000165500</v>
      </c>
      <c r="D51" s="11">
        <v>2680779462.5900002</v>
      </c>
      <c r="E51" s="11">
        <v>2337233999.0300002</v>
      </c>
      <c r="F51" s="11">
        <v>1895812355.0899999</v>
      </c>
      <c r="G51" s="11">
        <v>2253875380.4299998</v>
      </c>
      <c r="H51" s="11">
        <v>1852888787.1900001</v>
      </c>
    </row>
    <row r="52" spans="1:8" x14ac:dyDescent="0.25">
      <c r="A52" s="3" t="s">
        <v>91</v>
      </c>
      <c r="B52" s="5" t="s">
        <v>564</v>
      </c>
      <c r="C52" s="11">
        <v>1816844300</v>
      </c>
      <c r="D52" s="11">
        <v>2249188478.4299998</v>
      </c>
      <c r="E52" s="11">
        <v>1958641151.26</v>
      </c>
      <c r="F52" s="11">
        <v>1590540228.99</v>
      </c>
      <c r="G52" s="11">
        <v>1894815237.4100001</v>
      </c>
      <c r="H52" s="11">
        <v>1549467629.5899999</v>
      </c>
    </row>
    <row r="53" spans="1:8" x14ac:dyDescent="0.25">
      <c r="A53" s="2" t="s">
        <v>93</v>
      </c>
      <c r="B53" s="4" t="s">
        <v>565</v>
      </c>
      <c r="C53" s="12">
        <v>1613472700</v>
      </c>
      <c r="D53" s="12">
        <v>1941274940.4300001</v>
      </c>
      <c r="E53" s="12">
        <v>1692392325.3399999</v>
      </c>
      <c r="F53" s="12">
        <v>1371773407.72</v>
      </c>
      <c r="G53" s="12">
        <v>1641741849.22</v>
      </c>
      <c r="H53" s="12">
        <v>1333597187.5699999</v>
      </c>
    </row>
    <row r="54" spans="1:8" x14ac:dyDescent="0.25">
      <c r="A54" s="2" t="s">
        <v>95</v>
      </c>
      <c r="B54" s="4" t="s">
        <v>566</v>
      </c>
      <c r="C54" s="12">
        <v>110540000</v>
      </c>
      <c r="D54" s="12">
        <v>260207538</v>
      </c>
      <c r="E54" s="12">
        <v>250256164.16</v>
      </c>
      <c r="F54" s="12">
        <v>207487945.75</v>
      </c>
      <c r="G54" s="12">
        <v>238626327.15000001</v>
      </c>
      <c r="H54" s="12">
        <v>205562411.78999999</v>
      </c>
    </row>
    <row r="55" spans="1:8" x14ac:dyDescent="0.25">
      <c r="A55" s="2" t="s">
        <v>97</v>
      </c>
      <c r="B55" s="4" t="s">
        <v>567</v>
      </c>
      <c r="C55" s="12">
        <v>92831600</v>
      </c>
      <c r="D55" s="12">
        <v>47706000</v>
      </c>
      <c r="E55" s="12">
        <v>15992661.76</v>
      </c>
      <c r="F55" s="12">
        <v>11278875.52</v>
      </c>
      <c r="G55" s="12">
        <v>14447061.039999999</v>
      </c>
      <c r="H55" s="12">
        <v>10308030.23</v>
      </c>
    </row>
    <row r="56" spans="1:8" x14ac:dyDescent="0.25">
      <c r="A56" s="3" t="s">
        <v>99</v>
      </c>
      <c r="B56" s="5" t="s">
        <v>568</v>
      </c>
      <c r="C56" s="11">
        <v>180885200</v>
      </c>
      <c r="D56" s="11">
        <v>427248984.16000003</v>
      </c>
      <c r="E56" s="11">
        <v>377869692.06</v>
      </c>
      <c r="F56" s="11">
        <v>301039959.36000001</v>
      </c>
      <c r="G56" s="11">
        <v>358346774.22000003</v>
      </c>
      <c r="H56" s="11">
        <v>299188990.86000001</v>
      </c>
    </row>
    <row r="57" spans="1:8" x14ac:dyDescent="0.25">
      <c r="A57" s="2" t="s">
        <v>101</v>
      </c>
      <c r="B57" s="4" t="s">
        <v>569</v>
      </c>
      <c r="C57" s="12">
        <v>154600000</v>
      </c>
      <c r="D57" s="12">
        <v>373926638.23000002</v>
      </c>
      <c r="E57" s="12">
        <v>332393414.55000001</v>
      </c>
      <c r="F57" s="12">
        <v>263944156.47999999</v>
      </c>
      <c r="G57" s="12">
        <v>315482543.77999997</v>
      </c>
      <c r="H57" s="12">
        <v>263033086.5</v>
      </c>
    </row>
    <row r="58" spans="1:8" x14ac:dyDescent="0.25">
      <c r="A58" s="2" t="s">
        <v>103</v>
      </c>
      <c r="B58" s="4" t="s">
        <v>566</v>
      </c>
      <c r="C58" s="12">
        <v>26219200</v>
      </c>
      <c r="D58" s="12">
        <v>51952745.93</v>
      </c>
      <c r="E58" s="12">
        <v>44602439.030000001</v>
      </c>
      <c r="F58" s="12">
        <v>35934020.880000003</v>
      </c>
      <c r="G58" s="12">
        <v>42022013.939999998</v>
      </c>
      <c r="H58" s="12">
        <v>35912971.149999999</v>
      </c>
    </row>
    <row r="59" spans="1:8" x14ac:dyDescent="0.25">
      <c r="A59" s="2" t="s">
        <v>105</v>
      </c>
      <c r="B59" s="4" t="s">
        <v>567</v>
      </c>
      <c r="C59" s="12">
        <v>66000</v>
      </c>
      <c r="D59" s="12">
        <v>1369600</v>
      </c>
      <c r="E59" s="12">
        <v>873838.48</v>
      </c>
      <c r="F59" s="12">
        <v>1161782</v>
      </c>
      <c r="G59" s="12">
        <v>842216.5</v>
      </c>
      <c r="H59" s="12">
        <v>242933.21</v>
      </c>
    </row>
    <row r="60" spans="1:8" x14ac:dyDescent="0.25">
      <c r="A60" s="3" t="s">
        <v>107</v>
      </c>
      <c r="B60" s="5" t="s">
        <v>570</v>
      </c>
      <c r="C60" s="11">
        <v>2436000</v>
      </c>
      <c r="D60" s="11">
        <v>4342000</v>
      </c>
      <c r="E60" s="11">
        <v>723155.71</v>
      </c>
      <c r="F60" s="11">
        <v>4232166.74</v>
      </c>
      <c r="G60" s="11">
        <v>713368.8</v>
      </c>
      <c r="H60" s="11">
        <v>4232166.74</v>
      </c>
    </row>
    <row r="61" spans="1:8" x14ac:dyDescent="0.25">
      <c r="A61" s="2" t="s">
        <v>109</v>
      </c>
      <c r="B61" s="4" t="s">
        <v>571</v>
      </c>
      <c r="C61" s="12">
        <v>2400000</v>
      </c>
      <c r="D61" s="12">
        <v>4200000</v>
      </c>
      <c r="E61" s="12">
        <v>632127.71</v>
      </c>
      <c r="F61" s="12">
        <v>4232166.74</v>
      </c>
      <c r="G61" s="12">
        <v>632067.91</v>
      </c>
      <c r="H61" s="12">
        <v>4232166.74</v>
      </c>
    </row>
    <row r="62" spans="1:8" x14ac:dyDescent="0.25">
      <c r="A62" s="2" t="s">
        <v>111</v>
      </c>
      <c r="B62" s="4" t="s">
        <v>572</v>
      </c>
      <c r="C62" s="12">
        <v>36000</v>
      </c>
      <c r="D62" s="12">
        <v>142000</v>
      </c>
      <c r="E62" s="12">
        <v>91028</v>
      </c>
      <c r="F62" s="12">
        <v>0</v>
      </c>
      <c r="G62" s="12">
        <v>81300.89</v>
      </c>
      <c r="H62" s="12">
        <v>0</v>
      </c>
    </row>
    <row r="63" spans="1:8" x14ac:dyDescent="0.25">
      <c r="A63" s="3" t="s">
        <v>113</v>
      </c>
      <c r="B63" s="5" t="s">
        <v>573</v>
      </c>
      <c r="C63" s="11">
        <v>2040298300</v>
      </c>
      <c r="D63" s="11">
        <v>2699406922.5900002</v>
      </c>
      <c r="E63" s="11">
        <v>2341506125.6100001</v>
      </c>
      <c r="F63" s="11">
        <v>1902072025.3399999</v>
      </c>
      <c r="G63" s="11">
        <v>2258005185.73</v>
      </c>
      <c r="H63" s="11">
        <v>1858669448.47</v>
      </c>
    </row>
    <row r="65" spans="1:8" x14ac:dyDescent="0.25">
      <c r="A65" s="10" t="s">
        <v>6</v>
      </c>
      <c r="B65" s="10" t="s">
        <v>574</v>
      </c>
      <c r="C65" s="10" t="s">
        <v>369</v>
      </c>
      <c r="D65" s="10" t="s">
        <v>559</v>
      </c>
      <c r="E65" s="10" t="s">
        <v>168</v>
      </c>
      <c r="F65" s="10" t="s">
        <v>7</v>
      </c>
      <c r="G65" s="10" t="s">
        <v>172</v>
      </c>
      <c r="H65" s="10" t="s">
        <v>172</v>
      </c>
    </row>
    <row r="66" spans="1:8" ht="21" x14ac:dyDescent="0.25">
      <c r="A66" s="10" t="s">
        <v>7</v>
      </c>
      <c r="B66" s="10" t="s">
        <v>7</v>
      </c>
      <c r="C66" s="10" t="s">
        <v>7</v>
      </c>
      <c r="D66" s="10" t="s">
        <v>7</v>
      </c>
      <c r="E66" s="1" t="s">
        <v>535</v>
      </c>
      <c r="F66" s="1" t="s">
        <v>536</v>
      </c>
      <c r="G66" s="1" t="s">
        <v>535</v>
      </c>
      <c r="H66" s="1" t="s">
        <v>536</v>
      </c>
    </row>
    <row r="67" spans="1:8" x14ac:dyDescent="0.25">
      <c r="A67" s="2" t="s">
        <v>115</v>
      </c>
      <c r="B67" s="4" t="s">
        <v>575</v>
      </c>
      <c r="C67" s="12">
        <v>-424735400</v>
      </c>
      <c r="D67" s="12">
        <v>-563053522.59000003</v>
      </c>
      <c r="E67" s="12">
        <v>-1017595045.4</v>
      </c>
      <c r="F67" s="12">
        <v>-468269426.08999997</v>
      </c>
      <c r="G67" s="12">
        <v>-934094105.51999998</v>
      </c>
      <c r="H67" s="12">
        <v>-424866849.22000003</v>
      </c>
    </row>
    <row r="69" spans="1:8" x14ac:dyDescent="0.25">
      <c r="A69" s="10" t="s">
        <v>6</v>
      </c>
      <c r="B69" s="10" t="s">
        <v>576</v>
      </c>
      <c r="C69" s="10" t="s">
        <v>577</v>
      </c>
    </row>
    <row r="70" spans="1:8" x14ac:dyDescent="0.25">
      <c r="A70" s="10" t="s">
        <v>7</v>
      </c>
      <c r="B70" s="10" t="s">
        <v>7</v>
      </c>
      <c r="C70" s="10" t="s">
        <v>7</v>
      </c>
    </row>
    <row r="71" spans="1:8" x14ac:dyDescent="0.25">
      <c r="A71" s="2" t="s">
        <v>117</v>
      </c>
      <c r="B71" s="4" t="s">
        <v>578</v>
      </c>
      <c r="C71" s="12">
        <v>0</v>
      </c>
    </row>
    <row r="73" spans="1:8" x14ac:dyDescent="0.25">
      <c r="A73" s="10" t="s">
        <v>6</v>
      </c>
      <c r="B73" s="10" t="s">
        <v>579</v>
      </c>
      <c r="C73" s="10" t="s">
        <v>577</v>
      </c>
    </row>
    <row r="74" spans="1:8" x14ac:dyDescent="0.25">
      <c r="A74" s="10" t="s">
        <v>7</v>
      </c>
      <c r="B74" s="10" t="s">
        <v>7</v>
      </c>
      <c r="C74" s="10" t="s">
        <v>7</v>
      </c>
    </row>
    <row r="75" spans="1:8" x14ac:dyDescent="0.25">
      <c r="A75" s="2" t="s">
        <v>119</v>
      </c>
      <c r="B75" s="4" t="s">
        <v>578</v>
      </c>
      <c r="C75" s="12">
        <v>0</v>
      </c>
    </row>
    <row r="77" spans="1:8" x14ac:dyDescent="0.25">
      <c r="A77" s="10" t="s">
        <v>6</v>
      </c>
      <c r="B77" s="10" t="s">
        <v>580</v>
      </c>
      <c r="C77" s="10" t="s">
        <v>581</v>
      </c>
    </row>
    <row r="78" spans="1:8" x14ac:dyDescent="0.25">
      <c r="A78" s="10" t="s">
        <v>7</v>
      </c>
      <c r="B78" s="10" t="s">
        <v>7</v>
      </c>
      <c r="C78" s="10" t="s">
        <v>7</v>
      </c>
    </row>
    <row r="79" spans="1:8" x14ac:dyDescent="0.25">
      <c r="A79" s="2" t="s">
        <v>120</v>
      </c>
      <c r="B79" s="4" t="s">
        <v>582</v>
      </c>
      <c r="C79" s="12">
        <v>0</v>
      </c>
    </row>
    <row r="80" spans="1:8" x14ac:dyDescent="0.25">
      <c r="A80" s="2" t="s">
        <v>121</v>
      </c>
      <c r="B80" s="4" t="s">
        <v>583</v>
      </c>
      <c r="C80" s="12">
        <v>0</v>
      </c>
    </row>
    <row r="81" spans="1:6" x14ac:dyDescent="0.25">
      <c r="A81" s="2" t="s">
        <v>122</v>
      </c>
      <c r="B81" s="4" t="s">
        <v>584</v>
      </c>
      <c r="C81" s="12">
        <v>0</v>
      </c>
    </row>
    <row r="82" spans="1:6" x14ac:dyDescent="0.25">
      <c r="A82" s="2" t="s">
        <v>123</v>
      </c>
      <c r="B82" s="4" t="s">
        <v>585</v>
      </c>
      <c r="C82" s="12">
        <v>304720194.81999999</v>
      </c>
    </row>
    <row r="84" spans="1:6" x14ac:dyDescent="0.25">
      <c r="A84" s="10" t="s">
        <v>6</v>
      </c>
      <c r="B84" s="10" t="s">
        <v>586</v>
      </c>
      <c r="C84" s="10" t="s">
        <v>587</v>
      </c>
      <c r="D84" s="10" t="s">
        <v>587</v>
      </c>
    </row>
    <row r="85" spans="1:6" x14ac:dyDescent="0.25">
      <c r="A85" s="10" t="s">
        <v>7</v>
      </c>
      <c r="B85" s="10" t="s">
        <v>7</v>
      </c>
      <c r="C85" s="1" t="s">
        <v>588</v>
      </c>
      <c r="D85" s="1" t="s">
        <v>589</v>
      </c>
    </row>
    <row r="86" spans="1:6" x14ac:dyDescent="0.25">
      <c r="A86" s="2" t="s">
        <v>124</v>
      </c>
      <c r="B86" s="4" t="s">
        <v>590</v>
      </c>
      <c r="C86" s="12">
        <v>199850.73</v>
      </c>
      <c r="D86" s="12">
        <v>128208.25</v>
      </c>
    </row>
    <row r="87" spans="1:6" x14ac:dyDescent="0.25">
      <c r="A87" s="2" t="s">
        <v>125</v>
      </c>
      <c r="B87" s="4" t="s">
        <v>591</v>
      </c>
      <c r="C87" s="12">
        <v>71601854.75</v>
      </c>
      <c r="D87" s="12">
        <v>73926805.219999999</v>
      </c>
    </row>
    <row r="88" spans="1:6" x14ac:dyDescent="0.25">
      <c r="A88" s="2" t="s">
        <v>126</v>
      </c>
      <c r="B88" s="4" t="s">
        <v>592</v>
      </c>
      <c r="C88" s="12">
        <v>0</v>
      </c>
      <c r="D88" s="12">
        <v>0</v>
      </c>
    </row>
    <row r="90" spans="1:6" x14ac:dyDescent="0.25">
      <c r="A90" s="10" t="s">
        <v>6</v>
      </c>
      <c r="B90" s="10" t="s">
        <v>593</v>
      </c>
      <c r="C90" s="10" t="s">
        <v>9</v>
      </c>
      <c r="D90" s="10" t="s">
        <v>534</v>
      </c>
      <c r="E90" s="10" t="s">
        <v>11</v>
      </c>
      <c r="F90" s="10" t="s">
        <v>11</v>
      </c>
    </row>
    <row r="91" spans="1:6" ht="21" x14ac:dyDescent="0.25">
      <c r="A91" s="10" t="s">
        <v>7</v>
      </c>
      <c r="B91" s="10" t="s">
        <v>7</v>
      </c>
      <c r="C91" s="10" t="s">
        <v>7</v>
      </c>
      <c r="D91" s="10" t="s">
        <v>7</v>
      </c>
      <c r="E91" s="1" t="s">
        <v>535</v>
      </c>
      <c r="F91" s="1" t="s">
        <v>536</v>
      </c>
    </row>
    <row r="92" spans="1:6" x14ac:dyDescent="0.25">
      <c r="A92" s="3" t="s">
        <v>127</v>
      </c>
      <c r="B92" s="5" t="s">
        <v>594</v>
      </c>
      <c r="C92" s="11">
        <v>0</v>
      </c>
      <c r="D92" s="11">
        <v>0</v>
      </c>
      <c r="E92" s="11">
        <v>0</v>
      </c>
      <c r="F92" s="11">
        <v>0</v>
      </c>
    </row>
    <row r="93" spans="1:6" x14ac:dyDescent="0.25">
      <c r="A93" s="3" t="s">
        <v>129</v>
      </c>
      <c r="B93" s="5" t="s">
        <v>595</v>
      </c>
      <c r="C93" s="11">
        <v>0</v>
      </c>
      <c r="D93" s="11">
        <v>0</v>
      </c>
      <c r="E93" s="11">
        <v>0</v>
      </c>
      <c r="F93" s="11">
        <v>0</v>
      </c>
    </row>
    <row r="94" spans="1:6" x14ac:dyDescent="0.25">
      <c r="A94" s="3" t="s">
        <v>131</v>
      </c>
      <c r="B94" s="5" t="s">
        <v>596</v>
      </c>
      <c r="C94" s="11">
        <v>0</v>
      </c>
      <c r="D94" s="11">
        <v>0</v>
      </c>
      <c r="E94" s="11">
        <v>0</v>
      </c>
      <c r="F94" s="11">
        <v>0</v>
      </c>
    </row>
    <row r="95" spans="1:6" x14ac:dyDescent="0.25">
      <c r="A95" s="2" t="s">
        <v>133</v>
      </c>
      <c r="B95" s="4" t="s">
        <v>597</v>
      </c>
      <c r="C95" s="12">
        <v>0</v>
      </c>
      <c r="D95" s="12">
        <v>0</v>
      </c>
      <c r="E95" s="12">
        <v>0</v>
      </c>
      <c r="F95" s="12">
        <v>0</v>
      </c>
    </row>
    <row r="96" spans="1:6" x14ac:dyDescent="0.25">
      <c r="A96" s="2" t="s">
        <v>135</v>
      </c>
      <c r="B96" s="4" t="s">
        <v>598</v>
      </c>
      <c r="C96" s="12">
        <v>0</v>
      </c>
      <c r="D96" s="12">
        <v>0</v>
      </c>
      <c r="E96" s="12">
        <v>0</v>
      </c>
      <c r="F96" s="12">
        <v>0</v>
      </c>
    </row>
    <row r="97" spans="1:6" x14ac:dyDescent="0.25">
      <c r="A97" s="2" t="s">
        <v>137</v>
      </c>
      <c r="B97" s="4" t="s">
        <v>599</v>
      </c>
      <c r="C97" s="12">
        <v>0</v>
      </c>
      <c r="D97" s="12">
        <v>0</v>
      </c>
      <c r="E97" s="12">
        <v>0</v>
      </c>
      <c r="F97" s="12">
        <v>0</v>
      </c>
    </row>
    <row r="98" spans="1:6" x14ac:dyDescent="0.25">
      <c r="A98" s="3" t="s">
        <v>139</v>
      </c>
      <c r="B98" s="5" t="s">
        <v>600</v>
      </c>
      <c r="C98" s="11">
        <v>0</v>
      </c>
      <c r="D98" s="11">
        <v>0</v>
      </c>
      <c r="E98" s="11">
        <v>0</v>
      </c>
      <c r="F98" s="11">
        <v>0</v>
      </c>
    </row>
    <row r="99" spans="1:6" x14ac:dyDescent="0.25">
      <c r="A99" s="2" t="s">
        <v>141</v>
      </c>
      <c r="B99" s="4" t="s">
        <v>597</v>
      </c>
      <c r="C99" s="12">
        <v>0</v>
      </c>
      <c r="D99" s="12">
        <v>0</v>
      </c>
      <c r="E99" s="12">
        <v>0</v>
      </c>
      <c r="F99" s="12">
        <v>0</v>
      </c>
    </row>
    <row r="100" spans="1:6" x14ac:dyDescent="0.25">
      <c r="A100" s="2" t="s">
        <v>143</v>
      </c>
      <c r="B100" s="4" t="s">
        <v>598</v>
      </c>
      <c r="C100" s="12">
        <v>0</v>
      </c>
      <c r="D100" s="12">
        <v>0</v>
      </c>
      <c r="E100" s="12">
        <v>0</v>
      </c>
      <c r="F100" s="12">
        <v>0</v>
      </c>
    </row>
    <row r="101" spans="1:6" x14ac:dyDescent="0.25">
      <c r="A101" s="2" t="s">
        <v>145</v>
      </c>
      <c r="B101" s="4" t="s">
        <v>599</v>
      </c>
      <c r="C101" s="12">
        <v>0</v>
      </c>
      <c r="D101" s="12">
        <v>0</v>
      </c>
      <c r="E101" s="12">
        <v>0</v>
      </c>
      <c r="F101" s="12">
        <v>0</v>
      </c>
    </row>
    <row r="102" spans="1:6" x14ac:dyDescent="0.25">
      <c r="A102" s="3" t="s">
        <v>147</v>
      </c>
      <c r="B102" s="5" t="s">
        <v>601</v>
      </c>
      <c r="C102" s="11">
        <v>0</v>
      </c>
      <c r="D102" s="11">
        <v>0</v>
      </c>
      <c r="E102" s="11">
        <v>0</v>
      </c>
      <c r="F102" s="11">
        <v>0</v>
      </c>
    </row>
    <row r="103" spans="1:6" x14ac:dyDescent="0.25">
      <c r="A103" s="3" t="s">
        <v>149</v>
      </c>
      <c r="B103" s="5" t="s">
        <v>596</v>
      </c>
      <c r="C103" s="11">
        <v>0</v>
      </c>
      <c r="D103" s="11">
        <v>0</v>
      </c>
      <c r="E103" s="11">
        <v>0</v>
      </c>
      <c r="F103" s="11">
        <v>0</v>
      </c>
    </row>
    <row r="104" spans="1:6" x14ac:dyDescent="0.25">
      <c r="A104" s="2" t="s">
        <v>151</v>
      </c>
      <c r="B104" s="4" t="s">
        <v>597</v>
      </c>
      <c r="C104" s="12">
        <v>0</v>
      </c>
      <c r="D104" s="12">
        <v>0</v>
      </c>
      <c r="E104" s="12">
        <v>0</v>
      </c>
      <c r="F104" s="12">
        <v>0</v>
      </c>
    </row>
    <row r="105" spans="1:6" x14ac:dyDescent="0.25">
      <c r="A105" s="2" t="s">
        <v>152</v>
      </c>
      <c r="B105" s="4" t="s">
        <v>598</v>
      </c>
      <c r="C105" s="12">
        <v>0</v>
      </c>
      <c r="D105" s="12">
        <v>0</v>
      </c>
      <c r="E105" s="12">
        <v>0</v>
      </c>
      <c r="F105" s="12">
        <v>0</v>
      </c>
    </row>
    <row r="106" spans="1:6" x14ac:dyDescent="0.25">
      <c r="A106" s="2" t="s">
        <v>153</v>
      </c>
      <c r="B106" s="4" t="s">
        <v>599</v>
      </c>
      <c r="C106" s="12">
        <v>0</v>
      </c>
      <c r="D106" s="12">
        <v>0</v>
      </c>
      <c r="E106" s="12">
        <v>0</v>
      </c>
      <c r="F106" s="12">
        <v>0</v>
      </c>
    </row>
    <row r="107" spans="1:6" x14ac:dyDescent="0.25">
      <c r="A107" s="3" t="s">
        <v>155</v>
      </c>
      <c r="B107" s="5" t="s">
        <v>600</v>
      </c>
      <c r="C107" s="11">
        <v>0</v>
      </c>
      <c r="D107" s="11">
        <v>0</v>
      </c>
      <c r="E107" s="11">
        <v>0</v>
      </c>
      <c r="F107" s="11">
        <v>0</v>
      </c>
    </row>
    <row r="108" spans="1:6" x14ac:dyDescent="0.25">
      <c r="A108" s="2" t="s">
        <v>157</v>
      </c>
      <c r="B108" s="4" t="s">
        <v>597</v>
      </c>
      <c r="C108" s="12">
        <v>0</v>
      </c>
      <c r="D108" s="12">
        <v>0</v>
      </c>
      <c r="E108" s="12">
        <v>0</v>
      </c>
      <c r="F108" s="12">
        <v>0</v>
      </c>
    </row>
    <row r="109" spans="1:6" x14ac:dyDescent="0.25">
      <c r="A109" s="2" t="s">
        <v>159</v>
      </c>
      <c r="B109" s="4" t="s">
        <v>598</v>
      </c>
      <c r="C109" s="12">
        <v>0</v>
      </c>
      <c r="D109" s="12">
        <v>0</v>
      </c>
      <c r="E109" s="12">
        <v>0</v>
      </c>
      <c r="F109" s="12">
        <v>0</v>
      </c>
    </row>
    <row r="110" spans="1:6" x14ac:dyDescent="0.25">
      <c r="A110" s="2" t="s">
        <v>161</v>
      </c>
      <c r="B110" s="4" t="s">
        <v>599</v>
      </c>
      <c r="C110" s="12">
        <v>0</v>
      </c>
      <c r="D110" s="12">
        <v>0</v>
      </c>
      <c r="E110" s="12">
        <v>0</v>
      </c>
      <c r="F110" s="12">
        <v>0</v>
      </c>
    </row>
    <row r="111" spans="1:6" x14ac:dyDescent="0.25">
      <c r="A111" s="3" t="s">
        <v>163</v>
      </c>
      <c r="B111" s="5" t="s">
        <v>602</v>
      </c>
      <c r="C111" s="11">
        <v>0</v>
      </c>
      <c r="D111" s="11">
        <v>0</v>
      </c>
      <c r="E111" s="11">
        <v>0</v>
      </c>
      <c r="F111" s="11">
        <v>0</v>
      </c>
    </row>
    <row r="112" spans="1:6" x14ac:dyDescent="0.25">
      <c r="A112" s="2" t="s">
        <v>176</v>
      </c>
      <c r="B112" s="4" t="s">
        <v>603</v>
      </c>
      <c r="C112" s="12">
        <v>0</v>
      </c>
      <c r="D112" s="12">
        <v>0</v>
      </c>
      <c r="E112" s="12">
        <v>0</v>
      </c>
      <c r="F112" s="12">
        <v>0</v>
      </c>
    </row>
    <row r="113" spans="1:8" x14ac:dyDescent="0.25">
      <c r="A113" s="2" t="s">
        <v>178</v>
      </c>
      <c r="B113" s="4" t="s">
        <v>604</v>
      </c>
      <c r="C113" s="12">
        <v>0</v>
      </c>
      <c r="D113" s="12">
        <v>0</v>
      </c>
      <c r="E113" s="12">
        <v>0</v>
      </c>
      <c r="F113" s="12">
        <v>0</v>
      </c>
    </row>
    <row r="114" spans="1:8" x14ac:dyDescent="0.25">
      <c r="A114" s="2" t="s">
        <v>180</v>
      </c>
      <c r="B114" s="4" t="s">
        <v>519</v>
      </c>
      <c r="C114" s="12">
        <v>0</v>
      </c>
      <c r="D114" s="12">
        <v>0</v>
      </c>
      <c r="E114" s="12">
        <v>0</v>
      </c>
      <c r="F114" s="12">
        <v>0</v>
      </c>
    </row>
    <row r="115" spans="1:8" x14ac:dyDescent="0.25">
      <c r="A115" s="2" t="s">
        <v>182</v>
      </c>
      <c r="B115" s="4" t="s">
        <v>605</v>
      </c>
      <c r="C115" s="12">
        <v>0</v>
      </c>
      <c r="D115" s="12">
        <v>0</v>
      </c>
      <c r="E115" s="12">
        <v>0</v>
      </c>
      <c r="F115" s="12">
        <v>0</v>
      </c>
    </row>
    <row r="116" spans="1:8" x14ac:dyDescent="0.25">
      <c r="A116" s="3" t="s">
        <v>184</v>
      </c>
      <c r="B116" s="5" t="s">
        <v>606</v>
      </c>
      <c r="C116" s="11">
        <v>0</v>
      </c>
      <c r="D116" s="11">
        <v>0</v>
      </c>
      <c r="E116" s="11">
        <v>0</v>
      </c>
      <c r="F116" s="11">
        <v>0</v>
      </c>
    </row>
    <row r="117" spans="1:8" x14ac:dyDescent="0.25">
      <c r="A117" s="2" t="s">
        <v>186</v>
      </c>
      <c r="B117" s="4" t="s">
        <v>607</v>
      </c>
      <c r="C117" s="12">
        <v>0</v>
      </c>
      <c r="D117" s="12">
        <v>0</v>
      </c>
      <c r="E117" s="12">
        <v>0</v>
      </c>
      <c r="F117" s="12">
        <v>0</v>
      </c>
    </row>
    <row r="118" spans="1:8" x14ac:dyDescent="0.25">
      <c r="A118" s="2" t="s">
        <v>188</v>
      </c>
      <c r="B118" s="4" t="s">
        <v>306</v>
      </c>
      <c r="C118" s="12">
        <v>0</v>
      </c>
      <c r="D118" s="12">
        <v>0</v>
      </c>
      <c r="E118" s="12">
        <v>0</v>
      </c>
      <c r="F118" s="12">
        <v>0</v>
      </c>
    </row>
    <row r="119" spans="1:8" x14ac:dyDescent="0.25">
      <c r="A119" s="3" t="s">
        <v>190</v>
      </c>
      <c r="B119" s="5" t="s">
        <v>608</v>
      </c>
      <c r="C119" s="11">
        <v>0</v>
      </c>
      <c r="D119" s="11">
        <v>0</v>
      </c>
      <c r="E119" s="11">
        <v>0</v>
      </c>
      <c r="F119" s="11">
        <v>0</v>
      </c>
    </row>
    <row r="120" spans="1:8" x14ac:dyDescent="0.25">
      <c r="A120" s="2" t="s">
        <v>192</v>
      </c>
      <c r="B120" s="4" t="s">
        <v>609</v>
      </c>
      <c r="C120" s="12">
        <v>0</v>
      </c>
      <c r="D120" s="12">
        <v>0</v>
      </c>
      <c r="E120" s="12">
        <v>0</v>
      </c>
      <c r="F120" s="12">
        <v>0</v>
      </c>
    </row>
    <row r="121" spans="1:8" x14ac:dyDescent="0.25">
      <c r="A121" s="2" t="s">
        <v>194</v>
      </c>
      <c r="B121" s="4" t="s">
        <v>610</v>
      </c>
      <c r="C121" s="12">
        <v>0</v>
      </c>
      <c r="D121" s="12">
        <v>0</v>
      </c>
      <c r="E121" s="12">
        <v>0</v>
      </c>
      <c r="F121" s="12">
        <v>0</v>
      </c>
    </row>
    <row r="122" spans="1:8" x14ac:dyDescent="0.25">
      <c r="A122" s="2" t="s">
        <v>196</v>
      </c>
      <c r="B122" s="4" t="s">
        <v>611</v>
      </c>
      <c r="C122" s="12">
        <v>0</v>
      </c>
      <c r="D122" s="12">
        <v>0</v>
      </c>
      <c r="E122" s="12">
        <v>0</v>
      </c>
      <c r="F122" s="12">
        <v>0</v>
      </c>
    </row>
    <row r="123" spans="1:8" x14ac:dyDescent="0.25">
      <c r="A123" s="3" t="s">
        <v>198</v>
      </c>
      <c r="B123" s="5" t="s">
        <v>612</v>
      </c>
      <c r="C123" s="11">
        <v>0</v>
      </c>
      <c r="D123" s="11">
        <v>0</v>
      </c>
      <c r="E123" s="11">
        <v>0</v>
      </c>
      <c r="F123" s="11">
        <v>0</v>
      </c>
    </row>
    <row r="125" spans="1:8" x14ac:dyDescent="0.25">
      <c r="A125" s="10" t="s">
        <v>6</v>
      </c>
      <c r="B125" s="10" t="s">
        <v>613</v>
      </c>
      <c r="C125" s="10" t="s">
        <v>369</v>
      </c>
      <c r="D125" s="10" t="s">
        <v>559</v>
      </c>
      <c r="E125" s="10" t="s">
        <v>168</v>
      </c>
      <c r="F125" s="10" t="s">
        <v>7</v>
      </c>
      <c r="G125" s="10" t="s">
        <v>172</v>
      </c>
      <c r="H125" s="10" t="s">
        <v>172</v>
      </c>
    </row>
    <row r="126" spans="1:8" ht="21" x14ac:dyDescent="0.25">
      <c r="A126" s="10" t="s">
        <v>7</v>
      </c>
      <c r="B126" s="10" t="s">
        <v>7</v>
      </c>
      <c r="C126" s="10" t="s">
        <v>7</v>
      </c>
      <c r="D126" s="10" t="s">
        <v>7</v>
      </c>
      <c r="E126" s="1" t="s">
        <v>535</v>
      </c>
      <c r="F126" s="1" t="s">
        <v>536</v>
      </c>
      <c r="G126" s="1" t="s">
        <v>535</v>
      </c>
      <c r="H126" s="1" t="s">
        <v>536</v>
      </c>
    </row>
    <row r="127" spans="1:8" x14ac:dyDescent="0.25">
      <c r="A127" s="3" t="s">
        <v>200</v>
      </c>
      <c r="B127" s="5" t="s">
        <v>614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</row>
    <row r="128" spans="1:8" x14ac:dyDescent="0.25">
      <c r="A128" s="2" t="s">
        <v>202</v>
      </c>
      <c r="B128" s="4" t="s">
        <v>561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</row>
    <row r="129" spans="1:8" x14ac:dyDescent="0.25">
      <c r="A129" s="2" t="s">
        <v>204</v>
      </c>
      <c r="B129" s="4" t="s">
        <v>562</v>
      </c>
      <c r="C129" s="12">
        <v>0</v>
      </c>
      <c r="D129" s="12">
        <v>0</v>
      </c>
      <c r="E129" s="12">
        <v>0</v>
      </c>
      <c r="F129" s="12">
        <v>0</v>
      </c>
      <c r="G129" s="12">
        <v>0</v>
      </c>
      <c r="H129" s="12">
        <v>0</v>
      </c>
    </row>
    <row r="130" spans="1:8" x14ac:dyDescent="0.25">
      <c r="A130" s="3" t="s">
        <v>206</v>
      </c>
      <c r="B130" s="5" t="s">
        <v>615</v>
      </c>
      <c r="C130" s="11">
        <v>0</v>
      </c>
      <c r="D130" s="11">
        <v>0</v>
      </c>
      <c r="E130" s="11">
        <v>0</v>
      </c>
      <c r="F130" s="11">
        <v>0</v>
      </c>
      <c r="G130" s="11">
        <v>0</v>
      </c>
      <c r="H130" s="11">
        <v>0</v>
      </c>
    </row>
    <row r="131" spans="1:8" x14ac:dyDescent="0.25">
      <c r="A131" s="3" t="s">
        <v>208</v>
      </c>
      <c r="B131" s="5" t="s">
        <v>564</v>
      </c>
      <c r="C131" s="11">
        <v>0</v>
      </c>
      <c r="D131" s="11">
        <v>0</v>
      </c>
      <c r="E131" s="11">
        <v>0</v>
      </c>
      <c r="F131" s="11">
        <v>0</v>
      </c>
      <c r="G131" s="11">
        <v>0</v>
      </c>
      <c r="H131" s="11">
        <v>0</v>
      </c>
    </row>
    <row r="132" spans="1:8" x14ac:dyDescent="0.25">
      <c r="A132" s="2" t="s">
        <v>210</v>
      </c>
      <c r="B132" s="4" t="s">
        <v>565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</row>
    <row r="133" spans="1:8" x14ac:dyDescent="0.25">
      <c r="A133" s="2" t="s">
        <v>212</v>
      </c>
      <c r="B133" s="4" t="s">
        <v>566</v>
      </c>
      <c r="C133" s="12">
        <v>0</v>
      </c>
      <c r="D133" s="12">
        <v>0</v>
      </c>
      <c r="E133" s="12">
        <v>0</v>
      </c>
      <c r="F133" s="12">
        <v>0</v>
      </c>
      <c r="G133" s="12">
        <v>0</v>
      </c>
      <c r="H133" s="12">
        <v>0</v>
      </c>
    </row>
    <row r="134" spans="1:8" x14ac:dyDescent="0.25">
      <c r="A134" s="2" t="s">
        <v>214</v>
      </c>
      <c r="B134" s="4" t="s">
        <v>567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</row>
    <row r="135" spans="1:8" x14ac:dyDescent="0.25">
      <c r="A135" s="3" t="s">
        <v>215</v>
      </c>
      <c r="B135" s="5" t="s">
        <v>568</v>
      </c>
      <c r="C135" s="11">
        <v>0</v>
      </c>
      <c r="D135" s="11">
        <v>0</v>
      </c>
      <c r="E135" s="11">
        <v>0</v>
      </c>
      <c r="F135" s="11">
        <v>0</v>
      </c>
      <c r="G135" s="11">
        <v>0</v>
      </c>
      <c r="H135" s="11">
        <v>0</v>
      </c>
    </row>
    <row r="136" spans="1:8" x14ac:dyDescent="0.25">
      <c r="A136" s="2" t="s">
        <v>216</v>
      </c>
      <c r="B136" s="4" t="s">
        <v>569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</row>
    <row r="137" spans="1:8" x14ac:dyDescent="0.25">
      <c r="A137" s="2" t="s">
        <v>218</v>
      </c>
      <c r="B137" s="4" t="s">
        <v>566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</row>
    <row r="138" spans="1:8" x14ac:dyDescent="0.25">
      <c r="A138" s="2" t="s">
        <v>220</v>
      </c>
      <c r="B138" s="4" t="s">
        <v>567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</row>
    <row r="139" spans="1:8" x14ac:dyDescent="0.25">
      <c r="A139" s="3" t="s">
        <v>222</v>
      </c>
      <c r="B139" s="5" t="s">
        <v>570</v>
      </c>
      <c r="C139" s="11">
        <v>0</v>
      </c>
      <c r="D139" s="11">
        <v>0</v>
      </c>
      <c r="E139" s="11">
        <v>0</v>
      </c>
      <c r="F139" s="11">
        <v>0</v>
      </c>
      <c r="G139" s="11">
        <v>0</v>
      </c>
      <c r="H139" s="11">
        <v>0</v>
      </c>
    </row>
    <row r="140" spans="1:8" x14ac:dyDescent="0.25">
      <c r="A140" s="2" t="s">
        <v>225</v>
      </c>
      <c r="B140" s="4" t="s">
        <v>571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</row>
    <row r="141" spans="1:8" x14ac:dyDescent="0.25">
      <c r="A141" s="2" t="s">
        <v>227</v>
      </c>
      <c r="B141" s="4" t="s">
        <v>572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</row>
    <row r="142" spans="1:8" x14ac:dyDescent="0.25">
      <c r="A142" s="3" t="s">
        <v>229</v>
      </c>
      <c r="B142" s="5" t="s">
        <v>616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  <c r="H142" s="11">
        <v>0</v>
      </c>
    </row>
    <row r="144" spans="1:8" x14ac:dyDescent="0.25">
      <c r="A144" s="10" t="s">
        <v>6</v>
      </c>
      <c r="B144" s="10" t="s">
        <v>617</v>
      </c>
      <c r="C144" s="10" t="s">
        <v>369</v>
      </c>
      <c r="D144" s="10" t="s">
        <v>559</v>
      </c>
      <c r="E144" s="10" t="s">
        <v>168</v>
      </c>
      <c r="F144" s="10" t="s">
        <v>7</v>
      </c>
      <c r="G144" s="10" t="s">
        <v>172</v>
      </c>
      <c r="H144" s="10" t="s">
        <v>172</v>
      </c>
    </row>
    <row r="145" spans="1:8" ht="21" x14ac:dyDescent="0.25">
      <c r="A145" s="10" t="s">
        <v>7</v>
      </c>
      <c r="B145" s="10" t="s">
        <v>7</v>
      </c>
      <c r="C145" s="10" t="s">
        <v>7</v>
      </c>
      <c r="D145" s="10" t="s">
        <v>7</v>
      </c>
      <c r="E145" s="1" t="s">
        <v>535</v>
      </c>
      <c r="F145" s="1" t="s">
        <v>536</v>
      </c>
      <c r="G145" s="1" t="s">
        <v>535</v>
      </c>
      <c r="H145" s="1" t="s">
        <v>536</v>
      </c>
    </row>
    <row r="146" spans="1:8" x14ac:dyDescent="0.25">
      <c r="A146" s="2" t="s">
        <v>231</v>
      </c>
      <c r="B146" s="4" t="s">
        <v>618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</row>
    <row r="148" spans="1:8" x14ac:dyDescent="0.25">
      <c r="A148" s="10" t="s">
        <v>6</v>
      </c>
      <c r="B148" s="10" t="s">
        <v>619</v>
      </c>
      <c r="C148" s="10" t="s">
        <v>581</v>
      </c>
    </row>
    <row r="149" spans="1:8" x14ac:dyDescent="0.25">
      <c r="A149" s="10" t="s">
        <v>7</v>
      </c>
      <c r="B149" s="10" t="s">
        <v>7</v>
      </c>
      <c r="C149" s="10" t="s">
        <v>7</v>
      </c>
    </row>
    <row r="150" spans="1:8" x14ac:dyDescent="0.25">
      <c r="A150" s="2" t="s">
        <v>233</v>
      </c>
      <c r="B150" s="4" t="s">
        <v>620</v>
      </c>
      <c r="C150" s="12">
        <v>0</v>
      </c>
    </row>
    <row r="151" spans="1:8" x14ac:dyDescent="0.25">
      <c r="A151" s="2" t="s">
        <v>235</v>
      </c>
      <c r="B151" s="4" t="s">
        <v>621</v>
      </c>
      <c r="C151" s="12">
        <v>0</v>
      </c>
    </row>
  </sheetData>
  <mergeCells count="55">
    <mergeCell ref="A148:A149"/>
    <mergeCell ref="B148:B149"/>
    <mergeCell ref="C148:C149"/>
    <mergeCell ref="G125:H125"/>
    <mergeCell ref="A144:A145"/>
    <mergeCell ref="B144:B145"/>
    <mergeCell ref="C144:C145"/>
    <mergeCell ref="D144:D145"/>
    <mergeCell ref="E144:F144"/>
    <mergeCell ref="G144:H144"/>
    <mergeCell ref="A125:A126"/>
    <mergeCell ref="B125:B126"/>
    <mergeCell ref="C125:C126"/>
    <mergeCell ref="D125:D126"/>
    <mergeCell ref="E125:F125"/>
    <mergeCell ref="A90:A91"/>
    <mergeCell ref="B90:B91"/>
    <mergeCell ref="C90:C91"/>
    <mergeCell ref="D90:D91"/>
    <mergeCell ref="E90:F90"/>
    <mergeCell ref="A77:A78"/>
    <mergeCell ref="B77:B78"/>
    <mergeCell ref="C77:C78"/>
    <mergeCell ref="A84:A85"/>
    <mergeCell ref="B84:B85"/>
    <mergeCell ref="C84:D84"/>
    <mergeCell ref="A69:A70"/>
    <mergeCell ref="B69:B70"/>
    <mergeCell ref="C69:C70"/>
    <mergeCell ref="A73:A74"/>
    <mergeCell ref="B73:B74"/>
    <mergeCell ref="C73:C74"/>
    <mergeCell ref="G46:H46"/>
    <mergeCell ref="A65:A66"/>
    <mergeCell ref="B65:B66"/>
    <mergeCell ref="C65:C66"/>
    <mergeCell ref="D65:D66"/>
    <mergeCell ref="E65:F65"/>
    <mergeCell ref="G65:H65"/>
    <mergeCell ref="A46:A47"/>
    <mergeCell ref="B46:B47"/>
    <mergeCell ref="C46:C47"/>
    <mergeCell ref="D46:D47"/>
    <mergeCell ref="E46:F46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5"/>
  <sheetViews>
    <sheetView showGridLines="0" workbookViewId="0"/>
  </sheetViews>
  <sheetFormatPr defaultRowHeight="15" x14ac:dyDescent="0.25"/>
  <cols>
    <col min="1" max="1" width="2.7109375" bestFit="1" customWidth="1"/>
    <col min="2" max="2" width="79" bestFit="1" customWidth="1"/>
    <col min="3" max="3" width="20.28515625" bestFit="1" customWidth="1"/>
    <col min="4" max="4" width="19.140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22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23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24</v>
      </c>
      <c r="C10" s="10" t="s">
        <v>534</v>
      </c>
      <c r="D10" s="1" t="s">
        <v>535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25</v>
      </c>
    </row>
    <row r="12" spans="1:9" x14ac:dyDescent="0.25">
      <c r="A12" s="3" t="s">
        <v>17</v>
      </c>
      <c r="B12" s="5" t="s">
        <v>511</v>
      </c>
      <c r="C12" s="11">
        <v>12139360100</v>
      </c>
      <c r="D12" s="11">
        <v>7827443999.5799999</v>
      </c>
    </row>
    <row r="13" spans="1:9" x14ac:dyDescent="0.25">
      <c r="A13" s="3" t="s">
        <v>19</v>
      </c>
      <c r="B13" s="5" t="s">
        <v>626</v>
      </c>
      <c r="C13" s="11">
        <v>6961222000</v>
      </c>
      <c r="D13" s="11">
        <v>4615491003.2299995</v>
      </c>
    </row>
    <row r="14" spans="1:9" x14ac:dyDescent="0.25">
      <c r="A14" s="2" t="s">
        <v>21</v>
      </c>
      <c r="B14" s="4" t="s">
        <v>627</v>
      </c>
      <c r="C14" s="12">
        <v>5357399900</v>
      </c>
      <c r="D14" s="12">
        <v>3497236338.3800001</v>
      </c>
    </row>
    <row r="15" spans="1:9" x14ac:dyDescent="0.25">
      <c r="A15" s="2" t="s">
        <v>23</v>
      </c>
      <c r="B15" s="4" t="s">
        <v>628</v>
      </c>
      <c r="C15" s="12">
        <v>278084900</v>
      </c>
      <c r="D15" s="12">
        <v>248695418.74000001</v>
      </c>
    </row>
    <row r="16" spans="1:9" x14ac:dyDescent="0.25">
      <c r="A16" s="2" t="s">
        <v>25</v>
      </c>
      <c r="B16" s="4" t="s">
        <v>629</v>
      </c>
      <c r="C16" s="12">
        <v>113849600</v>
      </c>
      <c r="D16" s="12">
        <v>81262332.060000002</v>
      </c>
    </row>
    <row r="17" spans="1:4" x14ac:dyDescent="0.25">
      <c r="A17" s="2" t="s">
        <v>27</v>
      </c>
      <c r="B17" s="4" t="s">
        <v>630</v>
      </c>
      <c r="C17" s="12">
        <v>949714500</v>
      </c>
      <c r="D17" s="12">
        <v>621985541.20000005</v>
      </c>
    </row>
    <row r="18" spans="1:4" x14ac:dyDescent="0.25">
      <c r="A18" s="2" t="s">
        <v>29</v>
      </c>
      <c r="B18" s="4" t="s">
        <v>631</v>
      </c>
      <c r="C18" s="12">
        <v>262173100</v>
      </c>
      <c r="D18" s="12">
        <v>166311372.84999999</v>
      </c>
    </row>
    <row r="19" spans="1:4" x14ac:dyDescent="0.25">
      <c r="A19" s="2" t="s">
        <v>31</v>
      </c>
      <c r="B19" s="4" t="s">
        <v>632</v>
      </c>
      <c r="C19" s="12">
        <v>740843000</v>
      </c>
      <c r="D19" s="12">
        <v>393910934.50999999</v>
      </c>
    </row>
    <row r="20" spans="1:4" x14ac:dyDescent="0.25">
      <c r="A20" s="3" t="s">
        <v>33</v>
      </c>
      <c r="B20" s="5" t="s">
        <v>544</v>
      </c>
      <c r="C20" s="11">
        <v>111402500</v>
      </c>
      <c r="D20" s="11">
        <v>76231277.349999994</v>
      </c>
    </row>
    <row r="21" spans="1:4" x14ac:dyDescent="0.25">
      <c r="A21" s="2" t="s">
        <v>35</v>
      </c>
      <c r="B21" s="4" t="s">
        <v>633</v>
      </c>
      <c r="C21" s="12">
        <v>61679300</v>
      </c>
      <c r="D21" s="12">
        <v>39322570.789999999</v>
      </c>
    </row>
    <row r="22" spans="1:4" x14ac:dyDescent="0.25">
      <c r="A22" s="2" t="s">
        <v>37</v>
      </c>
      <c r="B22" s="4" t="s">
        <v>547</v>
      </c>
      <c r="C22" s="12">
        <v>49723200</v>
      </c>
      <c r="D22" s="12">
        <v>36908706.560000002</v>
      </c>
    </row>
    <row r="23" spans="1:4" x14ac:dyDescent="0.25">
      <c r="A23" s="3" t="s">
        <v>39</v>
      </c>
      <c r="B23" s="5" t="s">
        <v>634</v>
      </c>
      <c r="C23" s="11">
        <v>3459683100</v>
      </c>
      <c r="D23" s="11">
        <v>2123688512.99</v>
      </c>
    </row>
    <row r="24" spans="1:4" x14ac:dyDescent="0.25">
      <c r="A24" s="2" t="s">
        <v>41</v>
      </c>
      <c r="B24" s="4" t="s">
        <v>635</v>
      </c>
      <c r="C24" s="12">
        <v>975046400</v>
      </c>
      <c r="D24" s="12">
        <v>716637505.96000004</v>
      </c>
    </row>
    <row r="25" spans="1:4" x14ac:dyDescent="0.25">
      <c r="A25" s="2" t="s">
        <v>43</v>
      </c>
      <c r="B25" s="4" t="s">
        <v>636</v>
      </c>
      <c r="C25" s="12">
        <v>14573600</v>
      </c>
      <c r="D25" s="12">
        <v>0</v>
      </c>
    </row>
    <row r="26" spans="1:4" x14ac:dyDescent="0.25">
      <c r="A26" s="2" t="s">
        <v>45</v>
      </c>
      <c r="B26" s="4" t="s">
        <v>637</v>
      </c>
      <c r="C26" s="12">
        <v>58149400</v>
      </c>
      <c r="D26" s="12">
        <v>40816135.07</v>
      </c>
    </row>
    <row r="27" spans="1:4" x14ac:dyDescent="0.25">
      <c r="A27" s="2" t="s">
        <v>47</v>
      </c>
      <c r="B27" s="4" t="s">
        <v>638</v>
      </c>
      <c r="C27" s="12">
        <v>1153811400</v>
      </c>
      <c r="D27" s="12">
        <v>733695154.17999995</v>
      </c>
    </row>
    <row r="28" spans="1:4" x14ac:dyDescent="0.25">
      <c r="A28" s="2" t="s">
        <v>49</v>
      </c>
      <c r="B28" s="4" t="s">
        <v>639</v>
      </c>
      <c r="C28" s="12">
        <v>1258102300</v>
      </c>
      <c r="D28" s="12">
        <v>632539717.77999997</v>
      </c>
    </row>
    <row r="29" spans="1:4" x14ac:dyDescent="0.25">
      <c r="A29" s="3" t="s">
        <v>51</v>
      </c>
      <c r="B29" s="5" t="s">
        <v>640</v>
      </c>
      <c r="C29" s="11">
        <v>866209500</v>
      </c>
      <c r="D29" s="11">
        <v>618122271.5</v>
      </c>
    </row>
    <row r="30" spans="1:4" x14ac:dyDescent="0.25">
      <c r="A30" s="2" t="s">
        <v>53</v>
      </c>
      <c r="B30" s="4" t="s">
        <v>641</v>
      </c>
      <c r="C30" s="12">
        <v>68700</v>
      </c>
      <c r="D30" s="12">
        <v>1253557.57</v>
      </c>
    </row>
    <row r="31" spans="1:4" x14ac:dyDescent="0.25">
      <c r="A31" s="2" t="s">
        <v>55</v>
      </c>
      <c r="B31" s="4" t="s">
        <v>642</v>
      </c>
      <c r="C31" s="12">
        <v>866140800</v>
      </c>
      <c r="D31" s="12">
        <v>616868713.92999995</v>
      </c>
    </row>
    <row r="32" spans="1:4" x14ac:dyDescent="0.25">
      <c r="A32" s="2" t="s">
        <v>57</v>
      </c>
      <c r="B32" s="4" t="s">
        <v>643</v>
      </c>
      <c r="C32" s="12">
        <v>12077612100</v>
      </c>
      <c r="D32" s="12">
        <v>7786867871.2200003</v>
      </c>
    </row>
    <row r="33" spans="1:4" x14ac:dyDescent="0.25">
      <c r="A33" s="3" t="s">
        <v>59</v>
      </c>
      <c r="B33" s="5" t="s">
        <v>644</v>
      </c>
      <c r="C33" s="11">
        <v>1700959663</v>
      </c>
      <c r="D33" s="11">
        <v>543163621.70000005</v>
      </c>
    </row>
    <row r="34" spans="1:4" x14ac:dyDescent="0.25">
      <c r="A34" s="2" t="s">
        <v>61</v>
      </c>
      <c r="B34" s="4" t="s">
        <v>645</v>
      </c>
      <c r="C34" s="12">
        <v>55793379</v>
      </c>
      <c r="D34" s="12">
        <v>11562423.890000001</v>
      </c>
    </row>
    <row r="35" spans="1:4" x14ac:dyDescent="0.25">
      <c r="A35" s="2" t="s">
        <v>63</v>
      </c>
      <c r="B35" s="4" t="s">
        <v>646</v>
      </c>
      <c r="C35" s="12">
        <v>5209900</v>
      </c>
      <c r="D35" s="12">
        <v>5811828.8399999999</v>
      </c>
    </row>
    <row r="36" spans="1:4" x14ac:dyDescent="0.25">
      <c r="A36" s="3" t="s">
        <v>65</v>
      </c>
      <c r="B36" s="5" t="s">
        <v>647</v>
      </c>
      <c r="C36" s="11">
        <v>5412900</v>
      </c>
      <c r="D36" s="11">
        <v>1235065.44</v>
      </c>
    </row>
    <row r="37" spans="1:4" x14ac:dyDescent="0.25">
      <c r="A37" s="2" t="s">
        <v>67</v>
      </c>
      <c r="B37" s="4" t="s">
        <v>648</v>
      </c>
      <c r="C37" s="12">
        <v>0</v>
      </c>
      <c r="D37" s="12">
        <v>0</v>
      </c>
    </row>
    <row r="38" spans="1:4" x14ac:dyDescent="0.25">
      <c r="A38" s="2" t="s">
        <v>69</v>
      </c>
      <c r="B38" s="4" t="s">
        <v>649</v>
      </c>
      <c r="C38" s="12">
        <v>0</v>
      </c>
      <c r="D38" s="12">
        <v>0</v>
      </c>
    </row>
    <row r="39" spans="1:4" x14ac:dyDescent="0.25">
      <c r="A39" s="2" t="s">
        <v>71</v>
      </c>
      <c r="B39" s="4" t="s">
        <v>650</v>
      </c>
      <c r="C39" s="12">
        <v>5412900</v>
      </c>
      <c r="D39" s="12">
        <v>1235065.44</v>
      </c>
    </row>
    <row r="40" spans="1:4" x14ac:dyDescent="0.25">
      <c r="A40" s="3" t="s">
        <v>73</v>
      </c>
      <c r="B40" s="5" t="s">
        <v>651</v>
      </c>
      <c r="C40" s="11">
        <v>1014325984</v>
      </c>
      <c r="D40" s="11">
        <v>524554303.52999997</v>
      </c>
    </row>
    <row r="41" spans="1:4" x14ac:dyDescent="0.25">
      <c r="A41" s="2" t="s">
        <v>75</v>
      </c>
      <c r="B41" s="4" t="s">
        <v>652</v>
      </c>
      <c r="C41" s="12">
        <v>349256784</v>
      </c>
      <c r="D41" s="12">
        <v>44130825.25</v>
      </c>
    </row>
    <row r="42" spans="1:4" x14ac:dyDescent="0.25">
      <c r="A42" s="2" t="s">
        <v>77</v>
      </c>
      <c r="B42" s="4" t="s">
        <v>653</v>
      </c>
      <c r="C42" s="12">
        <v>665069200</v>
      </c>
      <c r="D42" s="12">
        <v>480423478.27999997</v>
      </c>
    </row>
    <row r="43" spans="1:4" x14ac:dyDescent="0.25">
      <c r="A43" s="3" t="s">
        <v>79</v>
      </c>
      <c r="B43" s="5" t="s">
        <v>556</v>
      </c>
      <c r="C43" s="11">
        <v>620217500</v>
      </c>
      <c r="D43" s="11">
        <v>0</v>
      </c>
    </row>
    <row r="44" spans="1:4" x14ac:dyDescent="0.25">
      <c r="A44" s="2" t="s">
        <v>81</v>
      </c>
      <c r="B44" s="4" t="s">
        <v>654</v>
      </c>
      <c r="C44" s="12">
        <v>0</v>
      </c>
      <c r="D44" s="12">
        <v>0</v>
      </c>
    </row>
    <row r="45" spans="1:4" x14ac:dyDescent="0.25">
      <c r="A45" s="2" t="s">
        <v>83</v>
      </c>
      <c r="B45" s="4" t="s">
        <v>655</v>
      </c>
      <c r="C45" s="12">
        <v>620217500</v>
      </c>
      <c r="D45" s="12">
        <v>0</v>
      </c>
    </row>
    <row r="46" spans="1:4" x14ac:dyDescent="0.25">
      <c r="A46" s="2" t="s">
        <v>85</v>
      </c>
      <c r="B46" s="4" t="s">
        <v>656</v>
      </c>
      <c r="C46" s="12">
        <v>1639956384</v>
      </c>
      <c r="D46" s="12">
        <v>525789368.97000003</v>
      </c>
    </row>
    <row r="47" spans="1:4" x14ac:dyDescent="0.25">
      <c r="A47" s="3" t="s">
        <v>87</v>
      </c>
      <c r="B47" s="5" t="s">
        <v>657</v>
      </c>
      <c r="C47" s="11">
        <v>13717568484</v>
      </c>
      <c r="D47" s="11">
        <v>8312657240.1899996</v>
      </c>
    </row>
    <row r="49" spans="1:9" x14ac:dyDescent="0.25">
      <c r="A49" s="10" t="s">
        <v>6</v>
      </c>
      <c r="B49" s="10" t="s">
        <v>658</v>
      </c>
      <c r="C49" s="10" t="s">
        <v>559</v>
      </c>
      <c r="D49" s="10" t="s">
        <v>535</v>
      </c>
      <c r="E49" s="10" t="s">
        <v>7</v>
      </c>
      <c r="F49" s="10" t="s">
        <v>7</v>
      </c>
      <c r="G49" s="10" t="s">
        <v>7</v>
      </c>
      <c r="H49" s="10" t="s">
        <v>661</v>
      </c>
      <c r="I49" s="10" t="s">
        <v>661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8</v>
      </c>
      <c r="E50" s="1" t="s">
        <v>172</v>
      </c>
      <c r="F50" s="1" t="s">
        <v>659</v>
      </c>
      <c r="G50" s="1" t="s">
        <v>660</v>
      </c>
      <c r="H50" s="1" t="s">
        <v>662</v>
      </c>
      <c r="I50" s="1" t="s">
        <v>663</v>
      </c>
    </row>
    <row r="51" spans="1:9" x14ac:dyDescent="0.25">
      <c r="A51" s="3" t="s">
        <v>89</v>
      </c>
      <c r="B51" s="5" t="s">
        <v>664</v>
      </c>
      <c r="C51" s="11">
        <v>11940681922.059999</v>
      </c>
      <c r="D51" s="11">
        <v>8059873660.0299997</v>
      </c>
      <c r="E51" s="11">
        <v>7321600676.8900003</v>
      </c>
      <c r="F51" s="11">
        <v>6868321588.3599997</v>
      </c>
      <c r="G51" s="11">
        <v>184161472.84</v>
      </c>
      <c r="H51" s="11">
        <v>247642358.80000001</v>
      </c>
      <c r="I51" s="11">
        <v>236053993.53999999</v>
      </c>
    </row>
    <row r="52" spans="1:9" x14ac:dyDescent="0.25">
      <c r="A52" s="2" t="s">
        <v>91</v>
      </c>
      <c r="B52" s="4" t="s">
        <v>665</v>
      </c>
      <c r="C52" s="12">
        <v>7690372583.2299995</v>
      </c>
      <c r="D52" s="12">
        <v>5691958642.5900002</v>
      </c>
      <c r="E52" s="12">
        <v>5309858020.2299995</v>
      </c>
      <c r="F52" s="12">
        <v>5033322543.4799995</v>
      </c>
      <c r="G52" s="12">
        <v>101525768.2</v>
      </c>
      <c r="H52" s="12">
        <v>81257825.530000001</v>
      </c>
      <c r="I52" s="12">
        <v>81218983.189999998</v>
      </c>
    </row>
    <row r="53" spans="1:9" x14ac:dyDescent="0.25">
      <c r="A53" s="2" t="s">
        <v>93</v>
      </c>
      <c r="B53" s="4" t="s">
        <v>666</v>
      </c>
      <c r="C53" s="12">
        <v>545944710</v>
      </c>
      <c r="D53" s="12">
        <v>232876271.13</v>
      </c>
      <c r="E53" s="12">
        <v>232297213.71000001</v>
      </c>
      <c r="F53" s="12">
        <v>232297213.71000001</v>
      </c>
      <c r="G53" s="12">
        <v>0</v>
      </c>
      <c r="H53" s="12">
        <v>0</v>
      </c>
      <c r="I53" s="12">
        <v>0</v>
      </c>
    </row>
    <row r="54" spans="1:9" x14ac:dyDescent="0.25">
      <c r="A54" s="3" t="s">
        <v>95</v>
      </c>
      <c r="B54" s="5" t="s">
        <v>667</v>
      </c>
      <c r="C54" s="11">
        <v>3704364628.8299999</v>
      </c>
      <c r="D54" s="11">
        <v>2135038746.3099999</v>
      </c>
      <c r="E54" s="11">
        <v>1779445442.95</v>
      </c>
      <c r="F54" s="11">
        <v>1602701831.1700001</v>
      </c>
      <c r="G54" s="11">
        <v>82635704.640000001</v>
      </c>
      <c r="H54" s="11">
        <v>166384533.27000001</v>
      </c>
      <c r="I54" s="11">
        <v>154835010.34999999</v>
      </c>
    </row>
    <row r="55" spans="1:9" x14ac:dyDescent="0.25">
      <c r="A55" s="2" t="s">
        <v>97</v>
      </c>
      <c r="B55" s="4" t="s">
        <v>526</v>
      </c>
      <c r="C55" s="12">
        <v>168000000</v>
      </c>
      <c r="D55" s="12">
        <v>126000000</v>
      </c>
      <c r="E55" s="12">
        <v>126000000</v>
      </c>
      <c r="F55" s="12">
        <v>112000000</v>
      </c>
      <c r="G55" s="12">
        <v>0</v>
      </c>
      <c r="H55" s="12">
        <v>0</v>
      </c>
      <c r="I55" s="12">
        <v>0</v>
      </c>
    </row>
    <row r="56" spans="1:9" x14ac:dyDescent="0.25">
      <c r="A56" s="2" t="s">
        <v>99</v>
      </c>
      <c r="B56" s="4" t="s">
        <v>668</v>
      </c>
      <c r="C56" s="12">
        <v>3536364628.8299999</v>
      </c>
      <c r="D56" s="12">
        <v>2009038746.3099999</v>
      </c>
      <c r="E56" s="12">
        <v>1653445442.95</v>
      </c>
      <c r="F56" s="12">
        <v>1490701831.1700001</v>
      </c>
      <c r="G56" s="12">
        <v>82635704.640000001</v>
      </c>
      <c r="H56" s="12">
        <v>166384533.27000001</v>
      </c>
      <c r="I56" s="12">
        <v>154835010.34999999</v>
      </c>
    </row>
    <row r="57" spans="1:9" x14ac:dyDescent="0.25">
      <c r="A57" s="2" t="s">
        <v>101</v>
      </c>
      <c r="B57" s="4" t="s">
        <v>669</v>
      </c>
      <c r="C57" s="12">
        <v>11394737212.059999</v>
      </c>
      <c r="D57" s="12">
        <v>7826997388.8999996</v>
      </c>
      <c r="E57" s="12">
        <v>7089303463.1800003</v>
      </c>
      <c r="F57" s="12">
        <v>6636024374.6499996</v>
      </c>
      <c r="G57" s="12">
        <v>184161472.84</v>
      </c>
      <c r="H57" s="12">
        <v>247642358.80000001</v>
      </c>
      <c r="I57" s="12">
        <v>236053993.53999999</v>
      </c>
    </row>
    <row r="58" spans="1:9" x14ac:dyDescent="0.25">
      <c r="A58" s="3" t="s">
        <v>103</v>
      </c>
      <c r="B58" s="5" t="s">
        <v>670</v>
      </c>
      <c r="C58" s="11">
        <v>1813628380</v>
      </c>
      <c r="D58" s="11">
        <v>1024899070.45</v>
      </c>
      <c r="E58" s="11">
        <v>670030551.73000002</v>
      </c>
      <c r="F58" s="11">
        <v>647954241.41999996</v>
      </c>
      <c r="G58" s="11">
        <v>14546279.210000001</v>
      </c>
      <c r="H58" s="11">
        <v>76035126.890000001</v>
      </c>
      <c r="I58" s="11">
        <v>70926773.150000006</v>
      </c>
    </row>
    <row r="59" spans="1:9" x14ac:dyDescent="0.25">
      <c r="A59" s="2" t="s">
        <v>105</v>
      </c>
      <c r="B59" s="4" t="s">
        <v>671</v>
      </c>
      <c r="C59" s="12">
        <v>1496381686</v>
      </c>
      <c r="D59" s="12">
        <v>866960542.29999995</v>
      </c>
      <c r="E59" s="12">
        <v>518762902.67000002</v>
      </c>
      <c r="F59" s="12">
        <v>496686592.36000001</v>
      </c>
      <c r="G59" s="12">
        <v>14546279.210000001</v>
      </c>
      <c r="H59" s="12">
        <v>76035126.890000001</v>
      </c>
      <c r="I59" s="12">
        <v>70926773.150000006</v>
      </c>
    </row>
    <row r="60" spans="1:9" x14ac:dyDescent="0.25">
      <c r="A60" s="3" t="s">
        <v>107</v>
      </c>
      <c r="B60" s="5" t="s">
        <v>672</v>
      </c>
      <c r="C60" s="11">
        <v>8994494</v>
      </c>
      <c r="D60" s="11">
        <v>6307510.3300000001</v>
      </c>
      <c r="E60" s="11">
        <v>0</v>
      </c>
      <c r="F60" s="11">
        <v>0</v>
      </c>
      <c r="G60" s="11">
        <v>0</v>
      </c>
      <c r="H60" s="11">
        <v>0</v>
      </c>
      <c r="I60" s="11">
        <v>0</v>
      </c>
    </row>
    <row r="61" spans="1:9" x14ac:dyDescent="0.25">
      <c r="A61" s="2" t="s">
        <v>109</v>
      </c>
      <c r="B61" s="4" t="s">
        <v>673</v>
      </c>
      <c r="C61" s="12">
        <v>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1</v>
      </c>
      <c r="B62" s="4" t="s">
        <v>674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3</v>
      </c>
      <c r="B63" s="4" t="s">
        <v>675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5</v>
      </c>
      <c r="B64" s="4" t="s">
        <v>676</v>
      </c>
      <c r="C64" s="12">
        <v>8994494</v>
      </c>
      <c r="D64" s="12">
        <v>6307510.3300000001</v>
      </c>
      <c r="E64" s="12">
        <v>0</v>
      </c>
      <c r="F64" s="12">
        <v>0</v>
      </c>
      <c r="G64" s="12">
        <v>0</v>
      </c>
      <c r="H64" s="12">
        <v>0</v>
      </c>
      <c r="I64" s="12">
        <v>0</v>
      </c>
    </row>
    <row r="65" spans="1:9" x14ac:dyDescent="0.25">
      <c r="A65" s="2" t="s">
        <v>117</v>
      </c>
      <c r="B65" s="4" t="s">
        <v>677</v>
      </c>
      <c r="C65" s="12">
        <v>308252200</v>
      </c>
      <c r="D65" s="12">
        <v>151631017.81999999</v>
      </c>
      <c r="E65" s="12">
        <v>151267649.06</v>
      </c>
      <c r="F65" s="12">
        <v>151267649.06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19</v>
      </c>
      <c r="B66" s="4" t="s">
        <v>678</v>
      </c>
      <c r="C66" s="12">
        <v>1505376180</v>
      </c>
      <c r="D66" s="12">
        <v>873268052.63</v>
      </c>
      <c r="E66" s="12">
        <v>518762902.67000002</v>
      </c>
      <c r="F66" s="12">
        <v>496686592.36000001</v>
      </c>
      <c r="G66" s="12">
        <v>14546279.210000001</v>
      </c>
      <c r="H66" s="12">
        <v>76035126.890000001</v>
      </c>
      <c r="I66" s="12">
        <v>70926773.150000006</v>
      </c>
    </row>
    <row r="67" spans="1:9" x14ac:dyDescent="0.25">
      <c r="A67" s="2" t="s">
        <v>120</v>
      </c>
      <c r="B67" s="4" t="s">
        <v>679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1</v>
      </c>
      <c r="B68" s="5" t="s">
        <v>680</v>
      </c>
      <c r="C68" s="11">
        <v>12900113392.059999</v>
      </c>
      <c r="D68" s="11">
        <v>8700265441.5300007</v>
      </c>
      <c r="E68" s="11">
        <v>7608066365.8500004</v>
      </c>
      <c r="F68" s="11">
        <v>7132710967.0100002</v>
      </c>
      <c r="G68" s="11">
        <v>198707752.05000001</v>
      </c>
      <c r="H68" s="11">
        <v>323677485.69</v>
      </c>
      <c r="I68" s="11">
        <v>306980766.69</v>
      </c>
    </row>
    <row r="70" spans="1:9" x14ac:dyDescent="0.25">
      <c r="A70" s="10" t="s">
        <v>6</v>
      </c>
      <c r="B70" s="10" t="s">
        <v>681</v>
      </c>
      <c r="C70" s="10" t="s">
        <v>682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2</v>
      </c>
      <c r="B72" s="4" t="s">
        <v>683</v>
      </c>
      <c r="C72" s="12">
        <v>674257754.44000006</v>
      </c>
    </row>
    <row r="74" spans="1:9" x14ac:dyDescent="0.25">
      <c r="A74" s="10" t="s">
        <v>6</v>
      </c>
      <c r="B74" s="10" t="s">
        <v>684</v>
      </c>
      <c r="C74" s="10" t="s">
        <v>685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3</v>
      </c>
      <c r="B76" s="4" t="s">
        <v>686</v>
      </c>
      <c r="C76" s="12">
        <v>484894706.06</v>
      </c>
    </row>
    <row r="78" spans="1:9" ht="21" x14ac:dyDescent="0.25">
      <c r="A78" s="10" t="s">
        <v>6</v>
      </c>
      <c r="B78" s="10" t="s">
        <v>687</v>
      </c>
      <c r="C78" s="1" t="s">
        <v>535</v>
      </c>
    </row>
    <row r="79" spans="1:9" ht="21" x14ac:dyDescent="0.25">
      <c r="A79" s="10" t="s">
        <v>7</v>
      </c>
      <c r="B79" s="10" t="s">
        <v>7</v>
      </c>
      <c r="C79" s="1" t="s">
        <v>688</v>
      </c>
    </row>
    <row r="80" spans="1:9" x14ac:dyDescent="0.25">
      <c r="A80" s="2" t="s">
        <v>124</v>
      </c>
      <c r="B80" s="4" t="s">
        <v>689</v>
      </c>
      <c r="C80" s="12">
        <v>116060910.03</v>
      </c>
    </row>
    <row r="81" spans="1:4" x14ac:dyDescent="0.25">
      <c r="A81" s="2" t="s">
        <v>125</v>
      </c>
      <c r="B81" s="4" t="s">
        <v>690</v>
      </c>
      <c r="C81" s="12">
        <v>358601698.63</v>
      </c>
    </row>
    <row r="83" spans="1:4" x14ac:dyDescent="0.25">
      <c r="A83" s="10" t="s">
        <v>6</v>
      </c>
      <c r="B83" s="10" t="s">
        <v>691</v>
      </c>
      <c r="C83" s="10" t="s">
        <v>688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6</v>
      </c>
      <c r="B85" s="4" t="s">
        <v>692</v>
      </c>
      <c r="C85" s="12">
        <v>431716965.83999997</v>
      </c>
    </row>
    <row r="87" spans="1:4" x14ac:dyDescent="0.25">
      <c r="A87" s="10" t="s">
        <v>6</v>
      </c>
      <c r="B87" s="10" t="s">
        <v>693</v>
      </c>
      <c r="C87" s="10" t="s">
        <v>685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7</v>
      </c>
      <c r="B89" s="4" t="s">
        <v>686</v>
      </c>
      <c r="C89" s="12">
        <v>226599889.78999999</v>
      </c>
    </row>
    <row r="91" spans="1:4" x14ac:dyDescent="0.25">
      <c r="A91" s="10" t="s">
        <v>6</v>
      </c>
      <c r="B91" s="10" t="s">
        <v>694</v>
      </c>
      <c r="C91" s="10" t="s">
        <v>695</v>
      </c>
      <c r="D91" s="10" t="s">
        <v>695</v>
      </c>
    </row>
    <row r="92" spans="1:4" ht="21" x14ac:dyDescent="0.25">
      <c r="A92" s="10" t="s">
        <v>7</v>
      </c>
      <c r="B92" s="10" t="s">
        <v>7</v>
      </c>
      <c r="C92" s="1" t="s">
        <v>696</v>
      </c>
      <c r="D92" s="1" t="s">
        <v>371</v>
      </c>
    </row>
    <row r="93" spans="1:4" x14ac:dyDescent="0.25">
      <c r="A93" s="2" t="s">
        <v>129</v>
      </c>
      <c r="B93" s="4" t="s">
        <v>697</v>
      </c>
      <c r="C93" s="12">
        <v>9141710365.2700005</v>
      </c>
      <c r="D93" s="12">
        <v>9137322949.7000008</v>
      </c>
    </row>
    <row r="94" spans="1:4" x14ac:dyDescent="0.25">
      <c r="A94" s="3" t="s">
        <v>131</v>
      </c>
      <c r="B94" s="5" t="s">
        <v>698</v>
      </c>
      <c r="C94" s="11">
        <v>1369349518.21</v>
      </c>
      <c r="D94" s="11">
        <v>1996152713.1800001</v>
      </c>
    </row>
    <row r="95" spans="1:4" x14ac:dyDescent="0.25">
      <c r="A95" s="3" t="s">
        <v>133</v>
      </c>
      <c r="B95" s="5" t="s">
        <v>699</v>
      </c>
      <c r="C95" s="11">
        <v>1125535341.3199999</v>
      </c>
      <c r="D95" s="11">
        <v>1718632665.01</v>
      </c>
    </row>
    <row r="96" spans="1:4" x14ac:dyDescent="0.25">
      <c r="A96" s="2" t="s">
        <v>135</v>
      </c>
      <c r="B96" s="4" t="s">
        <v>700</v>
      </c>
      <c r="C96" s="12">
        <v>1499137882.29</v>
      </c>
      <c r="D96" s="12">
        <v>1824604934.74</v>
      </c>
    </row>
    <row r="97" spans="1:4" x14ac:dyDescent="0.25">
      <c r="A97" s="2" t="s">
        <v>137</v>
      </c>
      <c r="B97" s="4" t="s">
        <v>701</v>
      </c>
      <c r="C97" s="12">
        <v>373602540.97000003</v>
      </c>
      <c r="D97" s="12">
        <v>105972269.73</v>
      </c>
    </row>
    <row r="98" spans="1:4" x14ac:dyDescent="0.25">
      <c r="A98" s="2" t="s">
        <v>139</v>
      </c>
      <c r="B98" s="4" t="s">
        <v>702</v>
      </c>
      <c r="C98" s="12">
        <v>243814176.88999999</v>
      </c>
      <c r="D98" s="12">
        <v>277520048.17000002</v>
      </c>
    </row>
    <row r="99" spans="1:4" x14ac:dyDescent="0.25">
      <c r="A99" s="3" t="s">
        <v>141</v>
      </c>
      <c r="B99" s="5" t="s">
        <v>703</v>
      </c>
      <c r="C99" s="11">
        <v>7772360847.0600004</v>
      </c>
      <c r="D99" s="11">
        <v>7141170236.5200005</v>
      </c>
    </row>
    <row r="101" spans="1:4" x14ac:dyDescent="0.25">
      <c r="A101" s="10" t="s">
        <v>6</v>
      </c>
      <c r="B101" s="10" t="s">
        <v>704</v>
      </c>
      <c r="C101" s="10" t="s">
        <v>705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2" t="s">
        <v>143</v>
      </c>
      <c r="B103" s="4" t="s">
        <v>706</v>
      </c>
      <c r="C103" s="12">
        <v>631190610.53999996</v>
      </c>
    </row>
    <row r="105" spans="1:4" x14ac:dyDescent="0.25">
      <c r="A105" s="10" t="s">
        <v>6</v>
      </c>
      <c r="B105" s="10" t="s">
        <v>707</v>
      </c>
      <c r="C105" s="10" t="s">
        <v>705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2" t="s">
        <v>145</v>
      </c>
      <c r="B107" s="4" t="s">
        <v>708</v>
      </c>
      <c r="C107" s="12">
        <v>267630271.24000001</v>
      </c>
    </row>
    <row r="108" spans="1:4" x14ac:dyDescent="0.25">
      <c r="A108" s="2" t="s">
        <v>147</v>
      </c>
      <c r="B108" s="4" t="s">
        <v>709</v>
      </c>
      <c r="C108" s="12">
        <v>0</v>
      </c>
    </row>
    <row r="109" spans="1:4" x14ac:dyDescent="0.25">
      <c r="A109" s="2" t="s">
        <v>149</v>
      </c>
      <c r="B109" s="4" t="s">
        <v>710</v>
      </c>
      <c r="C109" s="12">
        <v>9305965.9900000002</v>
      </c>
    </row>
    <row r="110" spans="1:4" x14ac:dyDescent="0.25">
      <c r="A110" s="2" t="s">
        <v>151</v>
      </c>
      <c r="B110" s="4" t="s">
        <v>711</v>
      </c>
      <c r="C110" s="12">
        <v>0</v>
      </c>
    </row>
    <row r="111" spans="1:4" x14ac:dyDescent="0.25">
      <c r="A111" s="2" t="s">
        <v>152</v>
      </c>
      <c r="B111" s="4" t="s">
        <v>712</v>
      </c>
      <c r="C111" s="12">
        <v>0</v>
      </c>
    </row>
    <row r="112" spans="1:4" x14ac:dyDescent="0.25">
      <c r="A112" s="2" t="s">
        <v>153</v>
      </c>
      <c r="B112" s="4" t="s">
        <v>713</v>
      </c>
      <c r="C112" s="12">
        <v>0</v>
      </c>
    </row>
    <row r="113" spans="1:8" x14ac:dyDescent="0.25">
      <c r="A113" s="2" t="s">
        <v>155</v>
      </c>
      <c r="B113" s="4" t="s">
        <v>714</v>
      </c>
      <c r="C113" s="12">
        <v>372866305.29000002</v>
      </c>
    </row>
    <row r="115" spans="1:8" x14ac:dyDescent="0.25">
      <c r="A115" s="10" t="s">
        <v>6</v>
      </c>
      <c r="B115" s="10" t="s">
        <v>715</v>
      </c>
      <c r="C115" s="10" t="s">
        <v>577</v>
      </c>
    </row>
    <row r="116" spans="1:8" x14ac:dyDescent="0.25">
      <c r="A116" s="10" t="s">
        <v>7</v>
      </c>
      <c r="B116" s="10" t="s">
        <v>7</v>
      </c>
      <c r="C116" s="10" t="s">
        <v>7</v>
      </c>
    </row>
    <row r="117" spans="1:8" x14ac:dyDescent="0.25">
      <c r="A117" s="2" t="s">
        <v>157</v>
      </c>
      <c r="B117" s="4" t="s">
        <v>716</v>
      </c>
      <c r="C117" s="12">
        <v>615407093.88999999</v>
      </c>
    </row>
    <row r="119" spans="1:8" x14ac:dyDescent="0.25">
      <c r="A119" s="10" t="s">
        <v>6</v>
      </c>
      <c r="B119" s="10" t="s">
        <v>717</v>
      </c>
      <c r="C119" s="10" t="s">
        <v>577</v>
      </c>
    </row>
    <row r="120" spans="1:8" x14ac:dyDescent="0.25">
      <c r="A120" s="10" t="s">
        <v>7</v>
      </c>
      <c r="B120" s="10" t="s">
        <v>7</v>
      </c>
      <c r="C120" s="10" t="s">
        <v>7</v>
      </c>
    </row>
    <row r="121" spans="1:8" x14ac:dyDescent="0.25">
      <c r="A121" s="3" t="s">
        <v>159</v>
      </c>
      <c r="B121" s="5" t="s">
        <v>718</v>
      </c>
      <c r="C121" s="11">
        <v>42015928.520000003</v>
      </c>
    </row>
    <row r="122" spans="1:8" x14ac:dyDescent="0.25">
      <c r="A122" s="2" t="s">
        <v>161</v>
      </c>
      <c r="B122" s="4" t="s">
        <v>162</v>
      </c>
      <c r="C122" s="12">
        <v>0</v>
      </c>
    </row>
    <row r="123" spans="1:8" x14ac:dyDescent="0.25">
      <c r="A123" s="2" t="s">
        <v>163</v>
      </c>
      <c r="B123" s="4" t="s">
        <v>719</v>
      </c>
      <c r="C123" s="12">
        <v>42015928.520000003</v>
      </c>
    </row>
    <row r="124" spans="1:8" x14ac:dyDescent="0.25">
      <c r="A124" s="2" t="s">
        <v>176</v>
      </c>
      <c r="B124" s="4" t="s">
        <v>579</v>
      </c>
      <c r="C124" s="12">
        <v>0</v>
      </c>
    </row>
    <row r="126" spans="1:8" x14ac:dyDescent="0.25">
      <c r="A126" s="10" t="s">
        <v>6</v>
      </c>
      <c r="B126" s="10" t="s">
        <v>720</v>
      </c>
      <c r="C126" s="10" t="s">
        <v>168</v>
      </c>
      <c r="D126" s="10" t="s">
        <v>7</v>
      </c>
      <c r="E126" s="10" t="s">
        <v>172</v>
      </c>
      <c r="F126" s="10" t="s">
        <v>7</v>
      </c>
      <c r="G126" s="10" t="s">
        <v>723</v>
      </c>
      <c r="H126" s="10" t="s">
        <v>723</v>
      </c>
    </row>
    <row r="127" spans="1:8" ht="31.5" x14ac:dyDescent="0.25">
      <c r="A127" s="10" t="s">
        <v>7</v>
      </c>
      <c r="B127" s="10" t="s">
        <v>7</v>
      </c>
      <c r="C127" s="1" t="s">
        <v>721</v>
      </c>
      <c r="D127" s="1" t="s">
        <v>722</v>
      </c>
      <c r="E127" s="1" t="s">
        <v>721</v>
      </c>
      <c r="F127" s="1" t="s">
        <v>722</v>
      </c>
      <c r="G127" s="1" t="s">
        <v>721</v>
      </c>
      <c r="H127" s="1" t="s">
        <v>722</v>
      </c>
    </row>
    <row r="128" spans="1:8" x14ac:dyDescent="0.25">
      <c r="A128" s="3" t="s">
        <v>178</v>
      </c>
      <c r="B128" s="5" t="s">
        <v>724</v>
      </c>
      <c r="C128" s="11">
        <v>8995779783.8999996</v>
      </c>
      <c r="D128" s="11">
        <v>9549652619.1800003</v>
      </c>
      <c r="E128" s="11">
        <v>8142647024.6199999</v>
      </c>
      <c r="F128" s="11">
        <v>8757510204.3199997</v>
      </c>
      <c r="G128" s="11">
        <v>0</v>
      </c>
      <c r="H128" s="11">
        <v>0</v>
      </c>
    </row>
    <row r="129" spans="1:8" x14ac:dyDescent="0.25">
      <c r="A129" s="2" t="s">
        <v>180</v>
      </c>
      <c r="B129" s="4" t="s">
        <v>665</v>
      </c>
      <c r="C129" s="12">
        <v>6179522222.0600004</v>
      </c>
      <c r="D129" s="12">
        <v>6674509269.8900003</v>
      </c>
      <c r="E129" s="12">
        <v>5768724459.8599997</v>
      </c>
      <c r="F129" s="12">
        <v>6252494911.9899998</v>
      </c>
      <c r="G129" s="12">
        <v>0</v>
      </c>
      <c r="H129" s="12">
        <v>0</v>
      </c>
    </row>
    <row r="130" spans="1:8" x14ac:dyDescent="0.25">
      <c r="A130" s="2" t="s">
        <v>182</v>
      </c>
      <c r="B130" s="4" t="s">
        <v>725</v>
      </c>
      <c r="C130" s="12">
        <v>214171781.41</v>
      </c>
      <c r="D130" s="12">
        <v>232876271.13</v>
      </c>
      <c r="E130" s="12">
        <v>212924869.31999999</v>
      </c>
      <c r="F130" s="12">
        <v>232297213.71000001</v>
      </c>
      <c r="G130" s="12">
        <v>0</v>
      </c>
      <c r="H130" s="12">
        <v>0</v>
      </c>
    </row>
    <row r="131" spans="1:8" x14ac:dyDescent="0.25">
      <c r="A131" s="2" t="s">
        <v>184</v>
      </c>
      <c r="B131" s="4" t="s">
        <v>667</v>
      </c>
      <c r="C131" s="12">
        <v>2602085780.4299998</v>
      </c>
      <c r="D131" s="12">
        <v>2642267078.1599998</v>
      </c>
      <c r="E131" s="12">
        <v>2160997695.4400001</v>
      </c>
      <c r="F131" s="12">
        <v>2272718078.6199999</v>
      </c>
      <c r="G131" s="12">
        <v>0</v>
      </c>
      <c r="H131" s="12">
        <v>0</v>
      </c>
    </row>
    <row r="132" spans="1:8" x14ac:dyDescent="0.25">
      <c r="A132" s="2" t="s">
        <v>186</v>
      </c>
      <c r="B132" s="4" t="s">
        <v>726</v>
      </c>
      <c r="C132" s="12">
        <v>8781608002.4899998</v>
      </c>
      <c r="D132" s="12">
        <v>9316776348.0499992</v>
      </c>
      <c r="E132" s="12">
        <v>7929722155.3000002</v>
      </c>
      <c r="F132" s="12">
        <v>8525212990.6099997</v>
      </c>
      <c r="G132" s="12">
        <v>0</v>
      </c>
      <c r="H132" s="12">
        <v>0</v>
      </c>
    </row>
    <row r="133" spans="1:8" x14ac:dyDescent="0.25">
      <c r="A133" s="2" t="s">
        <v>188</v>
      </c>
      <c r="B133" s="4" t="s">
        <v>727</v>
      </c>
      <c r="C133" s="12">
        <v>156750000</v>
      </c>
      <c r="D133" s="12">
        <v>126000000</v>
      </c>
      <c r="E133" s="12">
        <v>112000000</v>
      </c>
      <c r="F133" s="12">
        <v>126000000</v>
      </c>
      <c r="G133" s="12">
        <v>0</v>
      </c>
      <c r="H133" s="12">
        <v>0</v>
      </c>
    </row>
    <row r="134" spans="1:8" x14ac:dyDescent="0.25">
      <c r="A134" s="2" t="s">
        <v>190</v>
      </c>
      <c r="B134" s="4" t="s">
        <v>728</v>
      </c>
      <c r="C134" s="12">
        <v>78725619.719999999</v>
      </c>
      <c r="D134" s="12">
        <v>62147956.200000003</v>
      </c>
      <c r="E134" s="12">
        <v>60348012.359999999</v>
      </c>
      <c r="F134" s="12">
        <v>61748347.829999998</v>
      </c>
      <c r="G134" s="12">
        <v>0</v>
      </c>
      <c r="H134" s="12">
        <v>0</v>
      </c>
    </row>
    <row r="135" spans="1:8" x14ac:dyDescent="0.25">
      <c r="A135" s="2" t="s">
        <v>192</v>
      </c>
      <c r="B135" s="4" t="s">
        <v>729</v>
      </c>
      <c r="C135" s="12">
        <v>8546132382.7700005</v>
      </c>
      <c r="D135" s="12">
        <v>9128628391.8500004</v>
      </c>
      <c r="E135" s="12">
        <v>7757374142.9399996</v>
      </c>
      <c r="F135" s="12">
        <v>8337464642.7799997</v>
      </c>
      <c r="G135" s="12">
        <v>0</v>
      </c>
      <c r="H135" s="12">
        <v>0</v>
      </c>
    </row>
  </sheetData>
  <mergeCells count="48">
    <mergeCell ref="A126:A127"/>
    <mergeCell ref="B126:B127"/>
    <mergeCell ref="C126:D126"/>
    <mergeCell ref="E126:F126"/>
    <mergeCell ref="G126:H126"/>
    <mergeCell ref="A115:A116"/>
    <mergeCell ref="B115:B116"/>
    <mergeCell ref="C115:C116"/>
    <mergeCell ref="A119:A120"/>
    <mergeCell ref="B119:B120"/>
    <mergeCell ref="C119:C120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4.85546875" bestFit="1" customWidth="1"/>
    <col min="7" max="7" width="17.28515625" bestFit="1" customWidth="1"/>
    <col min="8" max="8" width="16" bestFit="1" customWidth="1"/>
    <col min="9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730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731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732</v>
      </c>
      <c r="C10" s="10" t="s">
        <v>733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38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45</v>
      </c>
    </row>
    <row r="11" spans="1:14" ht="63" x14ac:dyDescent="0.25">
      <c r="A11" s="10" t="s">
        <v>7</v>
      </c>
      <c r="B11" s="10" t="s">
        <v>7</v>
      </c>
      <c r="C11" s="1" t="s">
        <v>734</v>
      </c>
      <c r="D11" s="1" t="s">
        <v>735</v>
      </c>
      <c r="E11" s="1" t="s">
        <v>663</v>
      </c>
      <c r="F11" s="1" t="s">
        <v>736</v>
      </c>
      <c r="G11" s="1" t="s">
        <v>737</v>
      </c>
      <c r="H11" s="1" t="s">
        <v>739</v>
      </c>
      <c r="I11" s="1" t="s">
        <v>740</v>
      </c>
      <c r="J11" s="1" t="s">
        <v>741</v>
      </c>
      <c r="K11" s="1" t="s">
        <v>742</v>
      </c>
      <c r="L11" s="1" t="s">
        <v>743</v>
      </c>
      <c r="M11" s="1" t="s">
        <v>744</v>
      </c>
      <c r="N11" s="10" t="s">
        <v>7</v>
      </c>
    </row>
    <row r="12" spans="1:14" x14ac:dyDescent="0.25">
      <c r="A12" s="3" t="s">
        <v>17</v>
      </c>
      <c r="B12" s="5" t="s">
        <v>746</v>
      </c>
      <c r="C12" s="11">
        <v>88182984.280000001</v>
      </c>
      <c r="D12" s="11">
        <v>202963152.83000001</v>
      </c>
      <c r="E12" s="11">
        <v>198707752.05000001</v>
      </c>
      <c r="F12" s="11">
        <v>2290912.1</v>
      </c>
      <c r="G12" s="11">
        <v>90147472.959999993</v>
      </c>
      <c r="H12" s="11">
        <v>37407067.299999997</v>
      </c>
      <c r="I12" s="11">
        <v>722284475.83000004</v>
      </c>
      <c r="J12" s="11">
        <v>323677485.69</v>
      </c>
      <c r="K12" s="11">
        <v>306980766.69</v>
      </c>
      <c r="L12" s="11">
        <v>284019058.25999999</v>
      </c>
      <c r="M12" s="11">
        <v>168691718.18000001</v>
      </c>
      <c r="N12" s="11">
        <v>258839191.13999999</v>
      </c>
    </row>
    <row r="13" spans="1:14" x14ac:dyDescent="0.25">
      <c r="A13" s="2" t="s">
        <v>19</v>
      </c>
      <c r="B13" s="4" t="s">
        <v>747</v>
      </c>
      <c r="C13" s="12">
        <v>88182384.280000001</v>
      </c>
      <c r="D13" s="12">
        <v>138458464.74000001</v>
      </c>
      <c r="E13" s="12">
        <v>134260545.68000001</v>
      </c>
      <c r="F13" s="12">
        <v>2249178.2200000002</v>
      </c>
      <c r="G13" s="12">
        <v>90131125.120000005</v>
      </c>
      <c r="H13" s="12">
        <v>37407067.299999997</v>
      </c>
      <c r="I13" s="12">
        <v>687959319.34000003</v>
      </c>
      <c r="J13" s="12">
        <v>298714109.66000003</v>
      </c>
      <c r="K13" s="12">
        <v>282017390.66000003</v>
      </c>
      <c r="L13" s="12">
        <v>278445090.18000001</v>
      </c>
      <c r="M13" s="12">
        <v>164903905.80000001</v>
      </c>
      <c r="N13" s="12">
        <v>255035030.91999999</v>
      </c>
    </row>
    <row r="14" spans="1:14" x14ac:dyDescent="0.25">
      <c r="A14" s="3" t="s">
        <v>21</v>
      </c>
      <c r="B14" s="5" t="s">
        <v>748</v>
      </c>
      <c r="C14" s="11">
        <v>0</v>
      </c>
      <c r="D14" s="11">
        <v>12750242.300000001</v>
      </c>
      <c r="E14" s="11">
        <v>12750242.300000001</v>
      </c>
      <c r="F14" s="11">
        <v>0</v>
      </c>
      <c r="G14" s="11">
        <v>0</v>
      </c>
      <c r="H14" s="11">
        <v>0</v>
      </c>
      <c r="I14" s="11">
        <v>1143189.3899999999</v>
      </c>
      <c r="J14" s="11">
        <v>794584.61</v>
      </c>
      <c r="K14" s="11">
        <v>794584.61</v>
      </c>
      <c r="L14" s="11">
        <v>348604.78</v>
      </c>
      <c r="M14" s="11">
        <v>0</v>
      </c>
      <c r="N14" s="11">
        <v>0</v>
      </c>
    </row>
    <row r="15" spans="1:14" x14ac:dyDescent="0.25">
      <c r="A15" s="2" t="s">
        <v>23</v>
      </c>
      <c r="B15" s="4" t="s">
        <v>749</v>
      </c>
      <c r="C15" s="12">
        <v>0</v>
      </c>
      <c r="D15" s="12">
        <v>8878771.6799999997</v>
      </c>
      <c r="E15" s="12">
        <v>8878771.6799999997</v>
      </c>
      <c r="F15" s="12">
        <v>0</v>
      </c>
      <c r="G15" s="12">
        <v>0</v>
      </c>
      <c r="H15" s="12">
        <v>0</v>
      </c>
      <c r="I15" s="12">
        <v>452125.26</v>
      </c>
      <c r="J15" s="12">
        <v>155669.16</v>
      </c>
      <c r="K15" s="12">
        <v>155669.16</v>
      </c>
      <c r="L15" s="12">
        <v>296456.09999999998</v>
      </c>
      <c r="M15" s="12">
        <v>0</v>
      </c>
      <c r="N15" s="12">
        <v>0</v>
      </c>
    </row>
    <row r="16" spans="1:14" x14ac:dyDescent="0.25">
      <c r="A16" s="2" t="s">
        <v>25</v>
      </c>
      <c r="B16" s="4" t="s">
        <v>750</v>
      </c>
      <c r="C16" s="12">
        <v>0</v>
      </c>
      <c r="D16" s="12">
        <v>3866488.8</v>
      </c>
      <c r="E16" s="12">
        <v>3866488.8</v>
      </c>
      <c r="F16" s="12">
        <v>0</v>
      </c>
      <c r="G16" s="12">
        <v>0</v>
      </c>
      <c r="H16" s="12">
        <v>0</v>
      </c>
      <c r="I16" s="12">
        <v>685981.95</v>
      </c>
      <c r="J16" s="12">
        <v>633833.27</v>
      </c>
      <c r="K16" s="12">
        <v>633833.27</v>
      </c>
      <c r="L16" s="12">
        <v>52148.68</v>
      </c>
      <c r="M16" s="12">
        <v>0</v>
      </c>
      <c r="N16" s="12">
        <v>0</v>
      </c>
    </row>
    <row r="17" spans="1:14" x14ac:dyDescent="0.25">
      <c r="A17" s="2" t="s">
        <v>27</v>
      </c>
      <c r="B17" s="4" t="s">
        <v>751</v>
      </c>
      <c r="C17" s="12">
        <v>0</v>
      </c>
      <c r="D17" s="12">
        <v>4981.82</v>
      </c>
      <c r="E17" s="12">
        <v>4981.82</v>
      </c>
      <c r="F17" s="12">
        <v>0</v>
      </c>
      <c r="G17" s="12">
        <v>0</v>
      </c>
      <c r="H17" s="12">
        <v>0</v>
      </c>
      <c r="I17" s="12">
        <v>5082.18</v>
      </c>
      <c r="J17" s="12">
        <v>5082.18</v>
      </c>
      <c r="K17" s="12">
        <v>5082.18</v>
      </c>
      <c r="L17" s="12">
        <v>0</v>
      </c>
      <c r="M17" s="12">
        <v>0</v>
      </c>
      <c r="N17" s="12">
        <v>0</v>
      </c>
    </row>
    <row r="18" spans="1:14" x14ac:dyDescent="0.25">
      <c r="A18" s="3" t="s">
        <v>29</v>
      </c>
      <c r="B18" s="5" t="s">
        <v>752</v>
      </c>
      <c r="C18" s="11">
        <v>0</v>
      </c>
      <c r="D18" s="11">
        <v>33678751.950000003</v>
      </c>
      <c r="E18" s="11">
        <v>33620674.219999999</v>
      </c>
      <c r="F18" s="11">
        <v>41729.89</v>
      </c>
      <c r="G18" s="11">
        <v>16347.84</v>
      </c>
      <c r="H18" s="11">
        <v>0</v>
      </c>
      <c r="I18" s="11">
        <v>15388193.199999999</v>
      </c>
      <c r="J18" s="11">
        <v>11236286.42</v>
      </c>
      <c r="K18" s="11">
        <v>11236286.42</v>
      </c>
      <c r="L18" s="11">
        <v>4151906.78</v>
      </c>
      <c r="M18" s="11">
        <v>0</v>
      </c>
      <c r="N18" s="11">
        <v>16347.84</v>
      </c>
    </row>
    <row r="19" spans="1:14" x14ac:dyDescent="0.25">
      <c r="A19" s="2" t="s">
        <v>31</v>
      </c>
      <c r="B19" s="4" t="s">
        <v>753</v>
      </c>
      <c r="C19" s="12">
        <v>0</v>
      </c>
      <c r="D19" s="12">
        <v>30309882.670000002</v>
      </c>
      <c r="E19" s="12">
        <v>30268304.350000001</v>
      </c>
      <c r="F19" s="12">
        <v>41578.32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</row>
    <row r="20" spans="1:14" x14ac:dyDescent="0.25">
      <c r="A20" s="2" t="s">
        <v>33</v>
      </c>
      <c r="B20" s="4" t="s">
        <v>754</v>
      </c>
      <c r="C20" s="12">
        <v>0</v>
      </c>
      <c r="D20" s="12">
        <v>3368869.28</v>
      </c>
      <c r="E20" s="12">
        <v>3352369.87</v>
      </c>
      <c r="F20" s="12">
        <v>151.57</v>
      </c>
      <c r="G20" s="12">
        <v>16347.84</v>
      </c>
      <c r="H20" s="12">
        <v>0</v>
      </c>
      <c r="I20" s="12">
        <v>15388193.199999999</v>
      </c>
      <c r="J20" s="12">
        <v>11236286.42</v>
      </c>
      <c r="K20" s="12">
        <v>11236286.42</v>
      </c>
      <c r="L20" s="12">
        <v>4151906.78</v>
      </c>
      <c r="M20" s="12">
        <v>0</v>
      </c>
      <c r="N20" s="12">
        <v>16347.84</v>
      </c>
    </row>
    <row r="21" spans="1:14" x14ac:dyDescent="0.25">
      <c r="A21" s="3" t="s">
        <v>35</v>
      </c>
      <c r="B21" s="5" t="s">
        <v>755</v>
      </c>
      <c r="C21" s="11">
        <v>600</v>
      </c>
      <c r="D21" s="11">
        <v>7604945.3799999999</v>
      </c>
      <c r="E21" s="11">
        <v>7605545.3799999999</v>
      </c>
      <c r="F21" s="11">
        <v>0</v>
      </c>
      <c r="G21" s="11">
        <v>0</v>
      </c>
      <c r="H21" s="11">
        <v>0</v>
      </c>
      <c r="I21" s="11">
        <v>16266926.359999999</v>
      </c>
      <c r="J21" s="11">
        <v>11629434.369999999</v>
      </c>
      <c r="K21" s="11">
        <v>11629434.369999999</v>
      </c>
      <c r="L21" s="11">
        <v>849679.61</v>
      </c>
      <c r="M21" s="11">
        <v>3787812.38</v>
      </c>
      <c r="N21" s="11">
        <v>3787812.38</v>
      </c>
    </row>
    <row r="22" spans="1:14" x14ac:dyDescent="0.25">
      <c r="A22" s="2" t="s">
        <v>37</v>
      </c>
      <c r="B22" s="4" t="s">
        <v>756</v>
      </c>
      <c r="C22" s="12">
        <v>600</v>
      </c>
      <c r="D22" s="12">
        <v>7604945.3799999999</v>
      </c>
      <c r="E22" s="12">
        <v>7605545.3799999999</v>
      </c>
      <c r="F22" s="12">
        <v>0</v>
      </c>
      <c r="G22" s="12">
        <v>0</v>
      </c>
      <c r="H22" s="12">
        <v>0</v>
      </c>
      <c r="I22" s="12">
        <v>10948347.619999999</v>
      </c>
      <c r="J22" s="12">
        <v>6839129.5700000003</v>
      </c>
      <c r="K22" s="12">
        <v>6839129.5700000003</v>
      </c>
      <c r="L22" s="12">
        <v>789583.22</v>
      </c>
      <c r="M22" s="12">
        <v>3319634.83</v>
      </c>
      <c r="N22" s="12">
        <v>3319634.83</v>
      </c>
    </row>
    <row r="23" spans="1:14" x14ac:dyDescent="0.25">
      <c r="A23" s="2" t="s">
        <v>39</v>
      </c>
      <c r="B23" s="4" t="s">
        <v>757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5318578.74</v>
      </c>
      <c r="J23" s="12">
        <v>4790304.8</v>
      </c>
      <c r="K23" s="12">
        <v>4790304.8</v>
      </c>
      <c r="L23" s="12">
        <v>60096.39</v>
      </c>
      <c r="M23" s="12">
        <v>468177.55</v>
      </c>
      <c r="N23" s="12">
        <v>468177.55</v>
      </c>
    </row>
    <row r="24" spans="1:14" x14ac:dyDescent="0.25">
      <c r="A24" s="2" t="s">
        <v>41</v>
      </c>
      <c r="B24" s="4" t="s">
        <v>758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3</v>
      </c>
      <c r="B25" s="4" t="s">
        <v>759</v>
      </c>
      <c r="C25" s="12">
        <v>0</v>
      </c>
      <c r="D25" s="12">
        <v>10470748.460000001</v>
      </c>
      <c r="E25" s="12">
        <v>10470744.470000001</v>
      </c>
      <c r="F25" s="12">
        <v>3.99</v>
      </c>
      <c r="G25" s="12">
        <v>0</v>
      </c>
      <c r="H25" s="12">
        <v>0</v>
      </c>
      <c r="I25" s="12">
        <v>1526847.54</v>
      </c>
      <c r="J25" s="12">
        <v>1303070.6299999999</v>
      </c>
      <c r="K25" s="12">
        <v>1303070.6299999999</v>
      </c>
      <c r="L25" s="12">
        <v>223776.91</v>
      </c>
      <c r="M25" s="12">
        <v>0</v>
      </c>
      <c r="N25" s="12">
        <v>0</v>
      </c>
    </row>
    <row r="26" spans="1:14" x14ac:dyDescent="0.25">
      <c r="A26" s="3" t="s">
        <v>45</v>
      </c>
      <c r="B26" s="5" t="s">
        <v>760</v>
      </c>
      <c r="C26" s="11">
        <v>9918855.7400000002</v>
      </c>
      <c r="D26" s="11">
        <v>73410804.810000002</v>
      </c>
      <c r="E26" s="11">
        <v>73233630.769999996</v>
      </c>
      <c r="F26" s="11">
        <v>3844.99</v>
      </c>
      <c r="G26" s="11">
        <v>10092184.789999999</v>
      </c>
      <c r="H26" s="11">
        <v>72520.06</v>
      </c>
      <c r="I26" s="11">
        <v>1720.76</v>
      </c>
      <c r="J26" s="11">
        <v>74240.820000000007</v>
      </c>
      <c r="K26" s="11">
        <v>74240.820000000007</v>
      </c>
      <c r="L26" s="11">
        <v>0</v>
      </c>
      <c r="M26" s="11">
        <v>0</v>
      </c>
      <c r="N26" s="11">
        <v>10092184.789999999</v>
      </c>
    </row>
    <row r="27" spans="1:14" x14ac:dyDescent="0.25">
      <c r="A27" s="2" t="s">
        <v>47</v>
      </c>
      <c r="B27" s="4" t="s">
        <v>761</v>
      </c>
      <c r="C27" s="12">
        <v>9918855.7400000002</v>
      </c>
      <c r="D27" s="12">
        <v>56846474.200000003</v>
      </c>
      <c r="E27" s="12">
        <v>56669523.659999996</v>
      </c>
      <c r="F27" s="12">
        <v>3621.49</v>
      </c>
      <c r="G27" s="12">
        <v>10092184.789999999</v>
      </c>
      <c r="H27" s="12">
        <v>72520.06</v>
      </c>
      <c r="I27" s="12">
        <v>1720.76</v>
      </c>
      <c r="J27" s="12">
        <v>74240.820000000007</v>
      </c>
      <c r="K27" s="12">
        <v>74240.820000000007</v>
      </c>
      <c r="L27" s="12">
        <v>0</v>
      </c>
      <c r="M27" s="12">
        <v>0</v>
      </c>
      <c r="N27" s="12">
        <v>10092184.789999999</v>
      </c>
    </row>
    <row r="28" spans="1:14" x14ac:dyDescent="0.25">
      <c r="A28" s="3" t="s">
        <v>49</v>
      </c>
      <c r="B28" s="5" t="s">
        <v>762</v>
      </c>
      <c r="C28" s="11">
        <v>0</v>
      </c>
      <c r="D28" s="11">
        <v>3530575.28</v>
      </c>
      <c r="E28" s="11">
        <v>3530575.28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749</v>
      </c>
      <c r="C29" s="12">
        <v>0</v>
      </c>
      <c r="D29" s="12">
        <v>3528661.77</v>
      </c>
      <c r="E29" s="12">
        <v>3528661.77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3</v>
      </c>
      <c r="B30" s="4" t="s">
        <v>750</v>
      </c>
      <c r="C30" s="12">
        <v>0</v>
      </c>
      <c r="D30" s="12">
        <v>1913.51</v>
      </c>
      <c r="E30" s="12">
        <v>1913.51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5</v>
      </c>
      <c r="B31" s="4" t="s">
        <v>751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7</v>
      </c>
      <c r="B32" s="5" t="s">
        <v>763</v>
      </c>
      <c r="C32" s="11">
        <v>0</v>
      </c>
      <c r="D32" s="11">
        <v>10917713.470000001</v>
      </c>
      <c r="E32" s="11">
        <v>10917489.970000001</v>
      </c>
      <c r="F32" s="11">
        <v>223.5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0</v>
      </c>
    </row>
    <row r="33" spans="1:14" x14ac:dyDescent="0.25">
      <c r="A33" s="2" t="s">
        <v>59</v>
      </c>
      <c r="B33" s="4" t="s">
        <v>753</v>
      </c>
      <c r="C33" s="12">
        <v>0</v>
      </c>
      <c r="D33" s="12">
        <v>10917713.470000001</v>
      </c>
      <c r="E33" s="12">
        <v>10917489.970000001</v>
      </c>
      <c r="F33" s="12">
        <v>223.5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0</v>
      </c>
    </row>
    <row r="34" spans="1:14" x14ac:dyDescent="0.25">
      <c r="A34" s="2" t="s">
        <v>61</v>
      </c>
      <c r="B34" s="4" t="s">
        <v>754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3</v>
      </c>
      <c r="B35" s="5" t="s">
        <v>755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756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7</v>
      </c>
      <c r="B37" s="4" t="s">
        <v>757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9</v>
      </c>
      <c r="B38" s="4" t="s">
        <v>758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1</v>
      </c>
      <c r="B39" s="4" t="s">
        <v>759</v>
      </c>
      <c r="C39" s="12">
        <v>0</v>
      </c>
      <c r="D39" s="12">
        <v>2116041.86</v>
      </c>
      <c r="E39" s="12">
        <v>2116041.86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3</v>
      </c>
      <c r="B40" s="5" t="s">
        <v>764</v>
      </c>
      <c r="C40" s="11">
        <v>98101840.019999996</v>
      </c>
      <c r="D40" s="11">
        <v>276373957.63999999</v>
      </c>
      <c r="E40" s="11">
        <v>271941382.81999999</v>
      </c>
      <c r="F40" s="11">
        <v>2294757.09</v>
      </c>
      <c r="G40" s="11">
        <v>100239657.75</v>
      </c>
      <c r="H40" s="11">
        <v>37479587.359999999</v>
      </c>
      <c r="I40" s="11">
        <v>722286196.59000003</v>
      </c>
      <c r="J40" s="11">
        <v>323751726.50999999</v>
      </c>
      <c r="K40" s="11">
        <v>307055007.50999999</v>
      </c>
      <c r="L40" s="11">
        <v>284019058.25999999</v>
      </c>
      <c r="M40" s="11">
        <v>168691718.18000001</v>
      </c>
      <c r="N40" s="11">
        <v>268931375.93000001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workbookViewId="0"/>
  </sheetViews>
  <sheetFormatPr defaultRowHeight="15" x14ac:dyDescent="0.25"/>
  <cols>
    <col min="1" max="1" width="3.28515625" bestFit="1" customWidth="1"/>
    <col min="2" max="2" width="117.140625" bestFit="1" customWidth="1"/>
    <col min="3" max="4" width="20.42578125" bestFit="1" customWidth="1"/>
    <col min="5" max="5" width="19.28515625" bestFit="1" customWidth="1"/>
    <col min="6" max="6" width="16" bestFit="1" customWidth="1"/>
    <col min="7" max="7" width="19" bestFit="1" customWidth="1"/>
    <col min="8" max="8" width="16.140625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765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766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767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1</v>
      </c>
      <c r="F11" s="1" t="s">
        <v>768</v>
      </c>
    </row>
    <row r="12" spans="1:8" x14ac:dyDescent="0.25">
      <c r="A12" s="3" t="s">
        <v>17</v>
      </c>
      <c r="B12" s="5" t="s">
        <v>769</v>
      </c>
      <c r="C12" s="11">
        <v>10687148600</v>
      </c>
      <c r="D12" s="11">
        <v>10687148600</v>
      </c>
      <c r="E12" s="11">
        <v>7156610467.9399996</v>
      </c>
      <c r="F12" s="11">
        <v>66.959999999999994</v>
      </c>
    </row>
    <row r="13" spans="1:8" x14ac:dyDescent="0.25">
      <c r="A13" s="3" t="s">
        <v>19</v>
      </c>
      <c r="B13" s="5" t="s">
        <v>770</v>
      </c>
      <c r="C13" s="11">
        <v>8899909800</v>
      </c>
      <c r="D13" s="11">
        <v>8899909800</v>
      </c>
      <c r="E13" s="11">
        <v>5811201366.4399996</v>
      </c>
      <c r="F13" s="11">
        <v>65.3</v>
      </c>
    </row>
    <row r="14" spans="1:8" x14ac:dyDescent="0.25">
      <c r="A14" s="2" t="s">
        <v>21</v>
      </c>
      <c r="B14" s="4" t="s">
        <v>771</v>
      </c>
      <c r="C14" s="12">
        <v>8736069200</v>
      </c>
      <c r="D14" s="12">
        <v>8736069200</v>
      </c>
      <c r="E14" s="12">
        <v>5692367452.1400003</v>
      </c>
      <c r="F14" s="12">
        <v>65.16</v>
      </c>
    </row>
    <row r="15" spans="1:8" x14ac:dyDescent="0.25">
      <c r="A15" s="2" t="s">
        <v>23</v>
      </c>
      <c r="B15" s="4" t="s">
        <v>772</v>
      </c>
      <c r="C15" s="12">
        <v>76570900</v>
      </c>
      <c r="D15" s="12">
        <v>76570900</v>
      </c>
      <c r="E15" s="12">
        <v>66254380.609999999</v>
      </c>
      <c r="F15" s="12">
        <v>86.53</v>
      </c>
    </row>
    <row r="16" spans="1:8" x14ac:dyDescent="0.25">
      <c r="A16" s="2" t="s">
        <v>25</v>
      </c>
      <c r="B16" s="4" t="s">
        <v>773</v>
      </c>
      <c r="C16" s="12">
        <v>87269700</v>
      </c>
      <c r="D16" s="12">
        <v>87269700</v>
      </c>
      <c r="E16" s="12">
        <v>52579533.689999998</v>
      </c>
      <c r="F16" s="12">
        <v>60.25</v>
      </c>
    </row>
    <row r="17" spans="1:6" x14ac:dyDescent="0.25">
      <c r="A17" s="3" t="s">
        <v>27</v>
      </c>
      <c r="B17" s="5" t="s">
        <v>774</v>
      </c>
      <c r="C17" s="11">
        <v>142312000</v>
      </c>
      <c r="D17" s="11">
        <v>142312000</v>
      </c>
      <c r="E17" s="11">
        <v>101577915.06999999</v>
      </c>
      <c r="F17" s="11">
        <v>71.38</v>
      </c>
    </row>
    <row r="18" spans="1:6" x14ac:dyDescent="0.25">
      <c r="A18" s="2" t="s">
        <v>29</v>
      </c>
      <c r="B18" s="4" t="s">
        <v>775</v>
      </c>
      <c r="C18" s="12">
        <v>142311600</v>
      </c>
      <c r="D18" s="12">
        <v>142311600</v>
      </c>
      <c r="E18" s="12">
        <v>101073154.63</v>
      </c>
      <c r="F18" s="12">
        <v>71.02</v>
      </c>
    </row>
    <row r="19" spans="1:6" x14ac:dyDescent="0.25">
      <c r="A19" s="2" t="s">
        <v>31</v>
      </c>
      <c r="B19" s="4" t="s">
        <v>776</v>
      </c>
      <c r="C19" s="12">
        <v>400</v>
      </c>
      <c r="D19" s="12">
        <v>400</v>
      </c>
      <c r="E19" s="12">
        <v>504760.44</v>
      </c>
      <c r="F19" s="12">
        <v>126190.11</v>
      </c>
    </row>
    <row r="20" spans="1:6" x14ac:dyDescent="0.25">
      <c r="A20" s="3" t="s">
        <v>33</v>
      </c>
      <c r="B20" s="5" t="s">
        <v>777</v>
      </c>
      <c r="C20" s="11">
        <v>695212300</v>
      </c>
      <c r="D20" s="11">
        <v>695212300</v>
      </c>
      <c r="E20" s="11">
        <v>621845645.23000002</v>
      </c>
      <c r="F20" s="11">
        <v>89.45</v>
      </c>
    </row>
    <row r="21" spans="1:6" x14ac:dyDescent="0.25">
      <c r="A21" s="2" t="s">
        <v>35</v>
      </c>
      <c r="B21" s="4" t="s">
        <v>778</v>
      </c>
      <c r="C21" s="12">
        <v>657265100</v>
      </c>
      <c r="D21" s="12">
        <v>657265100</v>
      </c>
      <c r="E21" s="12">
        <v>586006254.38</v>
      </c>
      <c r="F21" s="12">
        <v>89.16</v>
      </c>
    </row>
    <row r="22" spans="1:6" x14ac:dyDescent="0.25">
      <c r="A22" s="2" t="s">
        <v>37</v>
      </c>
      <c r="B22" s="4" t="s">
        <v>779</v>
      </c>
      <c r="C22" s="12">
        <v>37947200</v>
      </c>
      <c r="D22" s="12">
        <v>37947200</v>
      </c>
      <c r="E22" s="12">
        <v>35839390.850000001</v>
      </c>
      <c r="F22" s="12">
        <v>94.45</v>
      </c>
    </row>
    <row r="23" spans="1:6" x14ac:dyDescent="0.25">
      <c r="A23" s="2" t="s">
        <v>39</v>
      </c>
      <c r="B23" s="4" t="s">
        <v>780</v>
      </c>
      <c r="C23" s="12">
        <v>949714500</v>
      </c>
      <c r="D23" s="12">
        <v>949714500</v>
      </c>
      <c r="E23" s="12">
        <v>621985541.20000005</v>
      </c>
      <c r="F23" s="12">
        <v>65.489999999999995</v>
      </c>
    </row>
    <row r="24" spans="1:6" x14ac:dyDescent="0.25">
      <c r="A24" s="3" t="s">
        <v>41</v>
      </c>
      <c r="B24" s="5" t="s">
        <v>781</v>
      </c>
      <c r="C24" s="11">
        <v>1342751200</v>
      </c>
      <c r="D24" s="11">
        <v>1342751200</v>
      </c>
      <c r="E24" s="11">
        <v>963823773.89999998</v>
      </c>
      <c r="F24" s="11">
        <v>137.84</v>
      </c>
    </row>
    <row r="25" spans="1:6" x14ac:dyDescent="0.25">
      <c r="A25" s="2" t="s">
        <v>43</v>
      </c>
      <c r="B25" s="4" t="s">
        <v>782</v>
      </c>
      <c r="C25" s="12">
        <v>1218808000</v>
      </c>
      <c r="D25" s="12">
        <v>1218808000</v>
      </c>
      <c r="E25" s="12">
        <v>895796882.23000002</v>
      </c>
      <c r="F25" s="12">
        <v>73.5</v>
      </c>
    </row>
    <row r="26" spans="1:6" x14ac:dyDescent="0.25">
      <c r="A26" s="2" t="s">
        <v>45</v>
      </c>
      <c r="B26" s="4" t="s">
        <v>783</v>
      </c>
      <c r="C26" s="12">
        <v>18217000</v>
      </c>
      <c r="D26" s="12">
        <v>18217000</v>
      </c>
      <c r="E26" s="12">
        <v>0</v>
      </c>
      <c r="F26" s="12">
        <v>0</v>
      </c>
    </row>
    <row r="27" spans="1:6" x14ac:dyDescent="0.25">
      <c r="A27" s="2" t="s">
        <v>47</v>
      </c>
      <c r="B27" s="4" t="s">
        <v>784</v>
      </c>
      <c r="C27" s="12">
        <v>105726200</v>
      </c>
      <c r="D27" s="12">
        <v>105726200</v>
      </c>
      <c r="E27" s="12">
        <v>68026891.670000002</v>
      </c>
      <c r="F27" s="12">
        <v>64.34</v>
      </c>
    </row>
    <row r="28" spans="1:6" x14ac:dyDescent="0.25">
      <c r="A28" s="2" t="s">
        <v>49</v>
      </c>
      <c r="B28" s="4" t="s">
        <v>785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3" t="s">
        <v>51</v>
      </c>
      <c r="B29" s="5" t="s">
        <v>786</v>
      </c>
      <c r="C29" s="11">
        <v>2577197800</v>
      </c>
      <c r="D29" s="11">
        <v>2577197800</v>
      </c>
      <c r="E29" s="11">
        <v>1767628085.75</v>
      </c>
      <c r="F29" s="11">
        <v>219.15</v>
      </c>
    </row>
    <row r="30" spans="1:6" x14ac:dyDescent="0.25">
      <c r="A30" s="2" t="s">
        <v>53</v>
      </c>
      <c r="B30" s="4" t="s">
        <v>787</v>
      </c>
      <c r="C30" s="12">
        <v>2203160000</v>
      </c>
      <c r="D30" s="12">
        <v>2203160000</v>
      </c>
      <c r="E30" s="12">
        <v>1439655700.8299999</v>
      </c>
      <c r="F30" s="12">
        <v>65.349999999999994</v>
      </c>
    </row>
    <row r="31" spans="1:6" x14ac:dyDescent="0.25">
      <c r="A31" s="2" t="s">
        <v>55</v>
      </c>
      <c r="B31" s="4" t="s">
        <v>788</v>
      </c>
      <c r="C31" s="12">
        <v>347606200</v>
      </c>
      <c r="D31" s="12">
        <v>347606200</v>
      </c>
      <c r="E31" s="12">
        <v>310965661.95999998</v>
      </c>
      <c r="F31" s="12">
        <v>89.46</v>
      </c>
    </row>
    <row r="32" spans="1:6" x14ac:dyDescent="0.25">
      <c r="A32" s="2" t="s">
        <v>57</v>
      </c>
      <c r="B32" s="4" t="s">
        <v>789</v>
      </c>
      <c r="C32" s="12">
        <v>26431600</v>
      </c>
      <c r="D32" s="12">
        <v>26431600</v>
      </c>
      <c r="E32" s="12">
        <v>17006722.960000001</v>
      </c>
      <c r="F32" s="12">
        <v>64.34</v>
      </c>
    </row>
    <row r="33" spans="1:6" x14ac:dyDescent="0.25">
      <c r="A33" s="3" t="s">
        <v>59</v>
      </c>
      <c r="B33" s="5" t="s">
        <v>790</v>
      </c>
      <c r="C33" s="11">
        <v>9452702000</v>
      </c>
      <c r="D33" s="11">
        <v>9452702000</v>
      </c>
      <c r="E33" s="11">
        <v>6352806156.0900002</v>
      </c>
      <c r="F33" s="11">
        <v>67.209999999999994</v>
      </c>
    </row>
    <row r="35" spans="1:6" x14ac:dyDescent="0.25">
      <c r="A35" s="10" t="s">
        <v>6</v>
      </c>
      <c r="B35" s="10" t="s">
        <v>791</v>
      </c>
      <c r="C35" s="10" t="s">
        <v>9</v>
      </c>
      <c r="D35" s="10" t="s">
        <v>10</v>
      </c>
      <c r="E35" s="10" t="s">
        <v>11</v>
      </c>
      <c r="F35" s="10" t="s">
        <v>11</v>
      </c>
    </row>
    <row r="36" spans="1:6" ht="21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" t="s">
        <v>371</v>
      </c>
      <c r="F36" s="1" t="s">
        <v>768</v>
      </c>
    </row>
    <row r="37" spans="1:6" x14ac:dyDescent="0.25">
      <c r="A37" s="2" t="s">
        <v>61</v>
      </c>
      <c r="B37" s="4" t="s">
        <v>792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63</v>
      </c>
      <c r="B38" s="5" t="s">
        <v>793</v>
      </c>
      <c r="C38" s="11">
        <v>95264200</v>
      </c>
      <c r="D38" s="11">
        <v>105264200</v>
      </c>
      <c r="E38" s="11">
        <v>63808600.75</v>
      </c>
      <c r="F38" s="11">
        <v>60.62</v>
      </c>
    </row>
    <row r="39" spans="1:6" x14ac:dyDescent="0.25">
      <c r="A39" s="2" t="s">
        <v>65</v>
      </c>
      <c r="B39" s="4" t="s">
        <v>794</v>
      </c>
      <c r="C39" s="12">
        <v>66835100</v>
      </c>
      <c r="D39" s="12">
        <v>66835100</v>
      </c>
      <c r="E39" s="12">
        <v>48912328.969999999</v>
      </c>
      <c r="F39" s="12">
        <v>73.180000000000007</v>
      </c>
    </row>
    <row r="40" spans="1:6" x14ac:dyDescent="0.25">
      <c r="A40" s="2" t="s">
        <v>67</v>
      </c>
      <c r="B40" s="4" t="s">
        <v>795</v>
      </c>
      <c r="C40" s="12">
        <v>1000</v>
      </c>
      <c r="D40" s="12">
        <v>1000</v>
      </c>
      <c r="E40" s="12">
        <v>65212.46</v>
      </c>
      <c r="F40" s="12">
        <v>6521.25</v>
      </c>
    </row>
    <row r="41" spans="1:6" x14ac:dyDescent="0.25">
      <c r="A41" s="2" t="s">
        <v>69</v>
      </c>
      <c r="B41" s="4" t="s">
        <v>796</v>
      </c>
      <c r="C41" s="12">
        <v>10000000</v>
      </c>
      <c r="D41" s="12">
        <v>20000000</v>
      </c>
      <c r="E41" s="12">
        <v>14602216.390000001</v>
      </c>
      <c r="F41" s="12">
        <v>73.010000000000005</v>
      </c>
    </row>
    <row r="42" spans="1:6" x14ac:dyDescent="0.25">
      <c r="A42" s="2" t="s">
        <v>71</v>
      </c>
      <c r="B42" s="4" t="s">
        <v>797</v>
      </c>
      <c r="C42" s="12">
        <v>20000</v>
      </c>
      <c r="D42" s="12">
        <v>20000</v>
      </c>
      <c r="E42" s="12">
        <v>0</v>
      </c>
      <c r="F42" s="12">
        <v>0</v>
      </c>
    </row>
    <row r="43" spans="1:6" x14ac:dyDescent="0.25">
      <c r="A43" s="2" t="s">
        <v>73</v>
      </c>
      <c r="B43" s="4" t="s">
        <v>798</v>
      </c>
      <c r="C43" s="12">
        <v>15070000</v>
      </c>
      <c r="D43" s="12">
        <v>15070000</v>
      </c>
      <c r="E43" s="12">
        <v>0</v>
      </c>
      <c r="F43" s="12">
        <v>0</v>
      </c>
    </row>
    <row r="44" spans="1:6" x14ac:dyDescent="0.25">
      <c r="A44" s="2" t="s">
        <v>75</v>
      </c>
      <c r="B44" s="4" t="s">
        <v>799</v>
      </c>
      <c r="C44" s="12">
        <v>3338100</v>
      </c>
      <c r="D44" s="12">
        <v>3338100</v>
      </c>
      <c r="E44" s="12">
        <v>228842.93</v>
      </c>
      <c r="F44" s="12">
        <v>6.86</v>
      </c>
    </row>
    <row r="45" spans="1:6" x14ac:dyDescent="0.25">
      <c r="A45" s="3" t="s">
        <v>77</v>
      </c>
      <c r="B45" s="5" t="s">
        <v>800</v>
      </c>
      <c r="C45" s="11">
        <v>39570900</v>
      </c>
      <c r="D45" s="11">
        <v>42570900</v>
      </c>
      <c r="E45" s="11">
        <v>7088439.8799999999</v>
      </c>
      <c r="F45" s="11">
        <v>16.649999999999999</v>
      </c>
    </row>
    <row r="46" spans="1:6" x14ac:dyDescent="0.25">
      <c r="A46" s="2" t="s">
        <v>79</v>
      </c>
      <c r="B46" s="4" t="s">
        <v>801</v>
      </c>
      <c r="C46" s="12">
        <v>39570900</v>
      </c>
      <c r="D46" s="12">
        <v>42570900</v>
      </c>
      <c r="E46" s="12">
        <v>7088439.8799999999</v>
      </c>
      <c r="F46" s="12">
        <v>16.649999999999999</v>
      </c>
    </row>
    <row r="47" spans="1:6" x14ac:dyDescent="0.25">
      <c r="A47" s="2" t="s">
        <v>81</v>
      </c>
      <c r="B47" s="4" t="s">
        <v>802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83</v>
      </c>
      <c r="B48" s="4" t="s">
        <v>803</v>
      </c>
      <c r="C48" s="12">
        <v>0</v>
      </c>
      <c r="D48" s="12">
        <v>0</v>
      </c>
      <c r="E48" s="12">
        <v>0</v>
      </c>
      <c r="F48" s="12">
        <v>0</v>
      </c>
    </row>
    <row r="49" spans="1:6" x14ac:dyDescent="0.25">
      <c r="A49" s="2" t="s">
        <v>85</v>
      </c>
      <c r="B49" s="4" t="s">
        <v>804</v>
      </c>
      <c r="C49" s="12">
        <v>0</v>
      </c>
      <c r="D49" s="12">
        <v>0</v>
      </c>
      <c r="E49" s="12">
        <v>0</v>
      </c>
      <c r="F49" s="12">
        <v>0</v>
      </c>
    </row>
    <row r="50" spans="1:6" x14ac:dyDescent="0.25">
      <c r="A50" s="3" t="s">
        <v>87</v>
      </c>
      <c r="B50" s="5" t="s">
        <v>805</v>
      </c>
      <c r="C50" s="11">
        <v>134835100</v>
      </c>
      <c r="D50" s="11">
        <v>147835100</v>
      </c>
      <c r="E50" s="11">
        <v>70897040.629999995</v>
      </c>
      <c r="F50" s="11">
        <v>47.96</v>
      </c>
    </row>
    <row r="52" spans="1:6" x14ac:dyDescent="0.25">
      <c r="A52" s="10" t="s">
        <v>6</v>
      </c>
      <c r="B52" s="10" t="s">
        <v>806</v>
      </c>
      <c r="C52" s="10" t="s">
        <v>9</v>
      </c>
      <c r="D52" s="10" t="s">
        <v>10</v>
      </c>
      <c r="E52" s="10" t="s">
        <v>11</v>
      </c>
      <c r="F52" s="10" t="s">
        <v>11</v>
      </c>
    </row>
    <row r="53" spans="1:6" ht="21" x14ac:dyDescent="0.25">
      <c r="A53" s="10" t="s">
        <v>7</v>
      </c>
      <c r="B53" s="10" t="s">
        <v>7</v>
      </c>
      <c r="C53" s="10" t="s">
        <v>7</v>
      </c>
      <c r="D53" s="10" t="s">
        <v>7</v>
      </c>
      <c r="E53" s="1" t="s">
        <v>371</v>
      </c>
      <c r="F53" s="1" t="s">
        <v>768</v>
      </c>
    </row>
    <row r="54" spans="1:6" x14ac:dyDescent="0.25">
      <c r="A54" s="3" t="s">
        <v>89</v>
      </c>
      <c r="B54" s="5" t="s">
        <v>807</v>
      </c>
      <c r="C54" s="11">
        <v>1705883700</v>
      </c>
      <c r="D54" s="11">
        <v>1705883700</v>
      </c>
      <c r="E54" s="11">
        <v>1146172884.6800001</v>
      </c>
      <c r="F54" s="11">
        <v>67.19</v>
      </c>
    </row>
    <row r="55" spans="1:6" x14ac:dyDescent="0.25">
      <c r="A55" s="2" t="s">
        <v>91</v>
      </c>
      <c r="B55" s="4" t="s">
        <v>808</v>
      </c>
      <c r="C55" s="12">
        <v>1339349900</v>
      </c>
      <c r="D55" s="12">
        <v>1339349900</v>
      </c>
      <c r="E55" s="12">
        <v>874309327.23000002</v>
      </c>
      <c r="F55" s="12">
        <v>65.28</v>
      </c>
    </row>
    <row r="56" spans="1:6" x14ac:dyDescent="0.25">
      <c r="A56" s="2" t="s">
        <v>93</v>
      </c>
      <c r="B56" s="4" t="s">
        <v>809</v>
      </c>
      <c r="C56" s="12">
        <v>28462400</v>
      </c>
      <c r="D56" s="12">
        <v>28462400</v>
      </c>
      <c r="E56" s="12">
        <v>20315583.010000002</v>
      </c>
      <c r="F56" s="12">
        <v>71.38</v>
      </c>
    </row>
    <row r="57" spans="1:6" x14ac:dyDescent="0.25">
      <c r="A57" s="2" t="s">
        <v>95</v>
      </c>
      <c r="B57" s="4" t="s">
        <v>810</v>
      </c>
      <c r="C57" s="12">
        <v>69521200</v>
      </c>
      <c r="D57" s="12">
        <v>69521200</v>
      </c>
      <c r="E57" s="12">
        <v>62184564.530000001</v>
      </c>
      <c r="F57" s="12">
        <v>89.45</v>
      </c>
    </row>
    <row r="58" spans="1:6" x14ac:dyDescent="0.25">
      <c r="A58" s="2" t="s">
        <v>97</v>
      </c>
      <c r="B58" s="4" t="s">
        <v>811</v>
      </c>
      <c r="C58" s="12">
        <v>243761600</v>
      </c>
      <c r="D58" s="12">
        <v>243761600</v>
      </c>
      <c r="E58" s="12">
        <v>179159376.27000001</v>
      </c>
      <c r="F58" s="12">
        <v>73.5</v>
      </c>
    </row>
    <row r="59" spans="1:6" x14ac:dyDescent="0.25">
      <c r="A59" s="2" t="s">
        <v>99</v>
      </c>
      <c r="B59" s="4" t="s">
        <v>812</v>
      </c>
      <c r="C59" s="12">
        <v>3643400</v>
      </c>
      <c r="D59" s="12">
        <v>3643400</v>
      </c>
      <c r="E59" s="12">
        <v>0</v>
      </c>
      <c r="F59" s="12">
        <v>0</v>
      </c>
    </row>
    <row r="60" spans="1:6" x14ac:dyDescent="0.25">
      <c r="A60" s="2" t="s">
        <v>101</v>
      </c>
      <c r="B60" s="4" t="s">
        <v>813</v>
      </c>
      <c r="C60" s="12">
        <v>21145200</v>
      </c>
      <c r="D60" s="12">
        <v>21145200</v>
      </c>
      <c r="E60" s="12">
        <v>10204033.640000001</v>
      </c>
      <c r="F60" s="12">
        <v>48.26</v>
      </c>
    </row>
    <row r="61" spans="1:6" x14ac:dyDescent="0.25">
      <c r="A61" s="3" t="s">
        <v>103</v>
      </c>
      <c r="B61" s="5" t="s">
        <v>814</v>
      </c>
      <c r="C61" s="11">
        <v>1153811400</v>
      </c>
      <c r="D61" s="11">
        <v>1153811400</v>
      </c>
      <c r="E61" s="11">
        <v>735073707.39999998</v>
      </c>
      <c r="F61" s="11">
        <v>63.71</v>
      </c>
    </row>
    <row r="62" spans="1:6" x14ac:dyDescent="0.25">
      <c r="A62" s="2" t="s">
        <v>105</v>
      </c>
      <c r="B62" s="4" t="s">
        <v>815</v>
      </c>
      <c r="C62" s="12">
        <v>1153811400</v>
      </c>
      <c r="D62" s="12">
        <v>1153811400</v>
      </c>
      <c r="E62" s="12">
        <v>733695154.17999995</v>
      </c>
      <c r="F62" s="12">
        <v>63.59</v>
      </c>
    </row>
    <row r="63" spans="1:6" x14ac:dyDescent="0.25">
      <c r="A63" s="2" t="s">
        <v>107</v>
      </c>
      <c r="B63" s="4" t="s">
        <v>816</v>
      </c>
      <c r="C63" s="12">
        <v>0</v>
      </c>
      <c r="D63" s="12">
        <v>0</v>
      </c>
      <c r="E63" s="12">
        <v>0</v>
      </c>
      <c r="F63" s="12">
        <v>0</v>
      </c>
    </row>
    <row r="64" spans="1:6" x14ac:dyDescent="0.25">
      <c r="A64" s="2" t="s">
        <v>109</v>
      </c>
      <c r="B64" s="4" t="s">
        <v>817</v>
      </c>
      <c r="C64" s="12">
        <v>0</v>
      </c>
      <c r="D64" s="12">
        <v>0</v>
      </c>
      <c r="E64" s="12">
        <v>1378553.22</v>
      </c>
      <c r="F64" s="12">
        <v>0</v>
      </c>
    </row>
    <row r="65" spans="1:8" x14ac:dyDescent="0.25">
      <c r="A65" s="2" t="s">
        <v>111</v>
      </c>
      <c r="B65" s="4" t="s">
        <v>818</v>
      </c>
      <c r="C65" s="12">
        <v>-552072300</v>
      </c>
      <c r="D65" s="12">
        <v>-552072300</v>
      </c>
      <c r="E65" s="12">
        <v>-412477730.5</v>
      </c>
      <c r="F65" s="12">
        <v>74.709999999999994</v>
      </c>
    </row>
    <row r="67" spans="1:8" x14ac:dyDescent="0.25">
      <c r="A67" s="10" t="s">
        <v>6</v>
      </c>
      <c r="B67" s="10" t="s">
        <v>819</v>
      </c>
      <c r="C67" s="10" t="s">
        <v>682</v>
      </c>
    </row>
    <row r="68" spans="1:8" x14ac:dyDescent="0.25">
      <c r="A68" s="10" t="s">
        <v>7</v>
      </c>
      <c r="B68" s="10" t="s">
        <v>7</v>
      </c>
      <c r="C68" s="10" t="s">
        <v>7</v>
      </c>
    </row>
    <row r="69" spans="1:8" x14ac:dyDescent="0.25">
      <c r="A69" s="2" t="s">
        <v>113</v>
      </c>
      <c r="B69" s="4" t="s">
        <v>820</v>
      </c>
      <c r="C69" s="12">
        <v>0</v>
      </c>
    </row>
    <row r="70" spans="1:8" x14ac:dyDescent="0.25">
      <c r="A70" s="2" t="s">
        <v>115</v>
      </c>
      <c r="B70" s="4" t="s">
        <v>821</v>
      </c>
      <c r="C70" s="12">
        <v>-412477730.5</v>
      </c>
    </row>
    <row r="72" spans="1:8" x14ac:dyDescent="0.25">
      <c r="A72" s="10" t="s">
        <v>6</v>
      </c>
      <c r="B72" s="10" t="s">
        <v>822</v>
      </c>
      <c r="C72" s="10" t="s">
        <v>369</v>
      </c>
      <c r="D72" s="10" t="s">
        <v>823</v>
      </c>
      <c r="E72" s="10" t="s">
        <v>168</v>
      </c>
      <c r="F72" s="10" t="s">
        <v>7</v>
      </c>
      <c r="G72" s="10" t="s">
        <v>172</v>
      </c>
      <c r="H72" s="10" t="s">
        <v>172</v>
      </c>
    </row>
    <row r="73" spans="1:8" ht="21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" t="s">
        <v>824</v>
      </c>
      <c r="F73" s="1" t="s">
        <v>825</v>
      </c>
      <c r="G73" s="1" t="s">
        <v>826</v>
      </c>
      <c r="H73" s="1" t="s">
        <v>827</v>
      </c>
    </row>
    <row r="74" spans="1:8" x14ac:dyDescent="0.25">
      <c r="A74" s="3" t="s">
        <v>117</v>
      </c>
      <c r="B74" s="5" t="s">
        <v>828</v>
      </c>
      <c r="C74" s="11">
        <v>1133811400</v>
      </c>
      <c r="D74" s="11">
        <v>1129511400</v>
      </c>
      <c r="E74" s="11">
        <v>664115001.44000006</v>
      </c>
      <c r="F74" s="11">
        <v>58.8</v>
      </c>
      <c r="G74" s="11">
        <v>663836017.83000004</v>
      </c>
      <c r="H74" s="11">
        <v>58.77</v>
      </c>
    </row>
    <row r="75" spans="1:8" x14ac:dyDescent="0.25">
      <c r="A75" s="2" t="s">
        <v>119</v>
      </c>
      <c r="B75" s="4" t="s">
        <v>829</v>
      </c>
      <c r="C75" s="12">
        <v>680286840</v>
      </c>
      <c r="D75" s="12">
        <v>677706840</v>
      </c>
      <c r="E75" s="12">
        <v>398469000.86000001</v>
      </c>
      <c r="F75" s="12">
        <v>58.8</v>
      </c>
      <c r="G75" s="12">
        <v>398301610.69999999</v>
      </c>
      <c r="H75" s="12">
        <v>58.77</v>
      </c>
    </row>
    <row r="76" spans="1:8" x14ac:dyDescent="0.25">
      <c r="A76" s="2" t="s">
        <v>120</v>
      </c>
      <c r="B76" s="4" t="s">
        <v>830</v>
      </c>
      <c r="C76" s="12">
        <v>453524560</v>
      </c>
      <c r="D76" s="12">
        <v>451804560</v>
      </c>
      <c r="E76" s="12">
        <v>265646000.58000001</v>
      </c>
      <c r="F76" s="12">
        <v>58.8</v>
      </c>
      <c r="G76" s="12">
        <v>265534407.13</v>
      </c>
      <c r="H76" s="12">
        <v>58.77</v>
      </c>
    </row>
    <row r="77" spans="1:8" x14ac:dyDescent="0.25">
      <c r="A77" s="3" t="s">
        <v>121</v>
      </c>
      <c r="B77" s="5" t="s">
        <v>831</v>
      </c>
      <c r="C77" s="11">
        <v>20000000</v>
      </c>
      <c r="D77" s="11">
        <v>24300000</v>
      </c>
      <c r="E77" s="11">
        <v>10140641.24</v>
      </c>
      <c r="F77" s="11">
        <v>41.73</v>
      </c>
      <c r="G77" s="11">
        <v>8326908.1299999999</v>
      </c>
      <c r="H77" s="11">
        <v>34.270000000000003</v>
      </c>
    </row>
    <row r="78" spans="1:8" x14ac:dyDescent="0.25">
      <c r="A78" s="2" t="s">
        <v>122</v>
      </c>
      <c r="B78" s="4" t="s">
        <v>832</v>
      </c>
      <c r="C78" s="12">
        <v>20000000</v>
      </c>
      <c r="D78" s="12">
        <v>24300000</v>
      </c>
      <c r="E78" s="12">
        <v>10140641.24</v>
      </c>
      <c r="F78" s="12">
        <v>41.73</v>
      </c>
      <c r="G78" s="12">
        <v>8326908.1299999999</v>
      </c>
      <c r="H78" s="12">
        <v>34.270000000000003</v>
      </c>
    </row>
    <row r="79" spans="1:8" x14ac:dyDescent="0.25">
      <c r="A79" s="2" t="s">
        <v>123</v>
      </c>
      <c r="B79" s="4" t="s">
        <v>833</v>
      </c>
      <c r="C79" s="12">
        <v>0</v>
      </c>
      <c r="D79" s="12">
        <v>0</v>
      </c>
      <c r="E79" s="12">
        <v>0</v>
      </c>
      <c r="F79" s="12">
        <v>0</v>
      </c>
      <c r="G79" s="12">
        <v>0</v>
      </c>
      <c r="H79" s="12">
        <v>0</v>
      </c>
    </row>
    <row r="80" spans="1:8" x14ac:dyDescent="0.25">
      <c r="A80" s="3" t="s">
        <v>124</v>
      </c>
      <c r="B80" s="5" t="s">
        <v>834</v>
      </c>
      <c r="C80" s="11">
        <v>1153811400</v>
      </c>
      <c r="D80" s="11">
        <v>1153811400</v>
      </c>
      <c r="E80" s="11">
        <v>674255642.67999995</v>
      </c>
      <c r="F80" s="11">
        <v>58.44</v>
      </c>
      <c r="G80" s="11">
        <v>672162925.96000004</v>
      </c>
      <c r="H80" s="11">
        <v>58.26</v>
      </c>
    </row>
    <row r="82" spans="1:3" x14ac:dyDescent="0.25">
      <c r="A82" s="10" t="s">
        <v>6</v>
      </c>
      <c r="B82" s="10" t="s">
        <v>835</v>
      </c>
      <c r="C82" s="10" t="s">
        <v>682</v>
      </c>
    </row>
    <row r="83" spans="1:3" x14ac:dyDescent="0.25">
      <c r="A83" s="10" t="s">
        <v>7</v>
      </c>
      <c r="B83" s="10" t="s">
        <v>7</v>
      </c>
      <c r="C83" s="10" t="s">
        <v>7</v>
      </c>
    </row>
    <row r="84" spans="1:3" x14ac:dyDescent="0.25">
      <c r="A84" s="3" t="s">
        <v>125</v>
      </c>
      <c r="B84" s="5" t="s">
        <v>836</v>
      </c>
      <c r="C84" s="11">
        <v>0</v>
      </c>
    </row>
    <row r="85" spans="1:3" x14ac:dyDescent="0.25">
      <c r="A85" s="2" t="s">
        <v>126</v>
      </c>
      <c r="B85" s="4" t="s">
        <v>837</v>
      </c>
      <c r="C85" s="12">
        <v>0</v>
      </c>
    </row>
    <row r="86" spans="1:3" x14ac:dyDescent="0.25">
      <c r="A86" s="2" t="s">
        <v>127</v>
      </c>
      <c r="B86" s="4" t="s">
        <v>838</v>
      </c>
      <c r="C86" s="12">
        <v>0</v>
      </c>
    </row>
    <row r="87" spans="1:3" x14ac:dyDescent="0.25">
      <c r="A87" s="3" t="s">
        <v>129</v>
      </c>
      <c r="B87" s="5" t="s">
        <v>839</v>
      </c>
      <c r="C87" s="11">
        <v>0</v>
      </c>
    </row>
    <row r="88" spans="1:3" x14ac:dyDescent="0.25">
      <c r="A88" s="2" t="s">
        <v>131</v>
      </c>
      <c r="B88" s="4" t="s">
        <v>840</v>
      </c>
      <c r="C88" s="12">
        <v>0</v>
      </c>
    </row>
    <row r="89" spans="1:3" x14ac:dyDescent="0.25">
      <c r="A89" s="2" t="s">
        <v>133</v>
      </c>
      <c r="B89" s="4" t="s">
        <v>841</v>
      </c>
      <c r="C89" s="12">
        <v>0</v>
      </c>
    </row>
    <row r="90" spans="1:3" x14ac:dyDescent="0.25">
      <c r="A90" s="3" t="s">
        <v>135</v>
      </c>
      <c r="B90" s="5" t="s">
        <v>842</v>
      </c>
      <c r="C90" s="11">
        <v>0</v>
      </c>
    </row>
    <row r="92" spans="1:3" x14ac:dyDescent="0.25">
      <c r="A92" s="10" t="s">
        <v>6</v>
      </c>
      <c r="B92" s="10" t="s">
        <v>843</v>
      </c>
      <c r="C92" s="10" t="s">
        <v>682</v>
      </c>
    </row>
    <row r="93" spans="1:3" x14ac:dyDescent="0.25">
      <c r="A93" s="10" t="s">
        <v>7</v>
      </c>
      <c r="B93" s="10" t="s">
        <v>7</v>
      </c>
      <c r="C93" s="10" t="s">
        <v>7</v>
      </c>
    </row>
    <row r="94" spans="1:3" x14ac:dyDescent="0.25">
      <c r="A94" s="2" t="s">
        <v>137</v>
      </c>
      <c r="B94" s="4" t="s">
        <v>844</v>
      </c>
      <c r="C94" s="12">
        <v>672162925.96000004</v>
      </c>
    </row>
    <row r="95" spans="1:3" x14ac:dyDescent="0.25">
      <c r="A95" s="2" t="s">
        <v>139</v>
      </c>
      <c r="B95" s="4" t="s">
        <v>845</v>
      </c>
      <c r="C95" s="12">
        <v>90.31</v>
      </c>
    </row>
    <row r="96" spans="1:3" x14ac:dyDescent="0.25">
      <c r="A96" s="2" t="s">
        <v>141</v>
      </c>
      <c r="B96" s="4" t="s">
        <v>846</v>
      </c>
      <c r="C96" s="12">
        <v>1.1299999999999999</v>
      </c>
    </row>
    <row r="97" spans="1:8" x14ac:dyDescent="0.25">
      <c r="A97" s="2" t="s">
        <v>143</v>
      </c>
      <c r="B97" s="4" t="s">
        <v>847</v>
      </c>
      <c r="C97" s="12">
        <v>8.56</v>
      </c>
    </row>
    <row r="99" spans="1:8" x14ac:dyDescent="0.25">
      <c r="A99" s="10" t="s">
        <v>6</v>
      </c>
      <c r="B99" s="10" t="s">
        <v>848</v>
      </c>
      <c r="C99" s="10" t="s">
        <v>682</v>
      </c>
    </row>
    <row r="100" spans="1:8" x14ac:dyDescent="0.25">
      <c r="A100" s="10" t="s">
        <v>7</v>
      </c>
      <c r="B100" s="10" t="s">
        <v>7</v>
      </c>
      <c r="C100" s="10" t="s">
        <v>7</v>
      </c>
    </row>
    <row r="101" spans="1:8" x14ac:dyDescent="0.25">
      <c r="A101" s="2" t="s">
        <v>145</v>
      </c>
      <c r="B101" s="4" t="s">
        <v>849</v>
      </c>
      <c r="C101" s="12">
        <v>0</v>
      </c>
    </row>
    <row r="102" spans="1:8" x14ac:dyDescent="0.25">
      <c r="A102" s="2" t="s">
        <v>147</v>
      </c>
      <c r="B102" s="4" t="s">
        <v>850</v>
      </c>
      <c r="C102" s="12">
        <v>0</v>
      </c>
    </row>
    <row r="104" spans="1:8" x14ac:dyDescent="0.25">
      <c r="A104" s="10" t="s">
        <v>6</v>
      </c>
      <c r="B104" s="10" t="s">
        <v>851</v>
      </c>
      <c r="C104" s="10" t="s">
        <v>369</v>
      </c>
      <c r="D104" s="10" t="s">
        <v>823</v>
      </c>
      <c r="E104" s="10" t="s">
        <v>168</v>
      </c>
      <c r="F104" s="10" t="s">
        <v>7</v>
      </c>
      <c r="G104" s="10" t="s">
        <v>172</v>
      </c>
      <c r="H104" s="10" t="s">
        <v>172</v>
      </c>
    </row>
    <row r="105" spans="1:8" ht="21" x14ac:dyDescent="0.25">
      <c r="A105" s="10" t="s">
        <v>7</v>
      </c>
      <c r="B105" s="10" t="s">
        <v>7</v>
      </c>
      <c r="C105" s="10" t="s">
        <v>7</v>
      </c>
      <c r="D105" s="10" t="s">
        <v>7</v>
      </c>
      <c r="E105" s="1" t="s">
        <v>824</v>
      </c>
      <c r="F105" s="1" t="s">
        <v>825</v>
      </c>
      <c r="G105" s="1" t="s">
        <v>826</v>
      </c>
      <c r="H105" s="1" t="s">
        <v>827</v>
      </c>
    </row>
    <row r="106" spans="1:8" x14ac:dyDescent="0.25">
      <c r="A106" s="3" t="s">
        <v>149</v>
      </c>
      <c r="B106" s="5" t="s">
        <v>852</v>
      </c>
      <c r="C106" s="11">
        <v>500000</v>
      </c>
      <c r="D106" s="11">
        <v>500000</v>
      </c>
      <c r="E106" s="11">
        <v>0</v>
      </c>
      <c r="F106" s="11">
        <v>0</v>
      </c>
      <c r="G106" s="11">
        <v>0</v>
      </c>
      <c r="H106" s="11">
        <v>0</v>
      </c>
    </row>
    <row r="107" spans="1:8" x14ac:dyDescent="0.25">
      <c r="A107" s="2" t="s">
        <v>151</v>
      </c>
      <c r="B107" s="4" t="s">
        <v>853</v>
      </c>
      <c r="C107" s="12">
        <v>500000</v>
      </c>
      <c r="D107" s="12">
        <v>500000</v>
      </c>
      <c r="E107" s="12">
        <v>0</v>
      </c>
      <c r="F107" s="12">
        <v>0</v>
      </c>
      <c r="G107" s="12">
        <v>0</v>
      </c>
      <c r="H107" s="12">
        <v>0</v>
      </c>
    </row>
    <row r="108" spans="1:8" x14ac:dyDescent="0.25">
      <c r="A108" s="2" t="s">
        <v>152</v>
      </c>
      <c r="B108" s="4" t="s">
        <v>854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  <c r="H108" s="12">
        <v>0</v>
      </c>
    </row>
    <row r="109" spans="1:8" x14ac:dyDescent="0.25">
      <c r="A109" s="3" t="s">
        <v>153</v>
      </c>
      <c r="B109" s="5" t="s">
        <v>855</v>
      </c>
      <c r="C109" s="11">
        <v>719471840</v>
      </c>
      <c r="D109" s="11">
        <v>721191840</v>
      </c>
      <c r="E109" s="11">
        <v>408857589.88</v>
      </c>
      <c r="F109" s="11">
        <v>56.69</v>
      </c>
      <c r="G109" s="11">
        <v>406876466.61000001</v>
      </c>
      <c r="H109" s="11">
        <v>56.42</v>
      </c>
    </row>
    <row r="110" spans="1:8" x14ac:dyDescent="0.25">
      <c r="A110" s="2" t="s">
        <v>155</v>
      </c>
      <c r="B110" s="4" t="s">
        <v>856</v>
      </c>
      <c r="C110" s="12">
        <v>700286840</v>
      </c>
      <c r="D110" s="12">
        <v>702006840</v>
      </c>
      <c r="E110" s="12">
        <v>408609642.10000002</v>
      </c>
      <c r="F110" s="12">
        <v>58.21</v>
      </c>
      <c r="G110" s="12">
        <v>406628518.82999998</v>
      </c>
      <c r="H110" s="12">
        <v>57.92</v>
      </c>
    </row>
    <row r="111" spans="1:8" x14ac:dyDescent="0.25">
      <c r="A111" s="2" t="s">
        <v>157</v>
      </c>
      <c r="B111" s="4" t="s">
        <v>857</v>
      </c>
      <c r="C111" s="12">
        <v>19185000</v>
      </c>
      <c r="D111" s="12">
        <v>19185000</v>
      </c>
      <c r="E111" s="12">
        <v>247947.78</v>
      </c>
      <c r="F111" s="12">
        <v>1.29</v>
      </c>
      <c r="G111" s="12">
        <v>247947.78</v>
      </c>
      <c r="H111" s="12">
        <v>1.29</v>
      </c>
    </row>
    <row r="112" spans="1:8" x14ac:dyDescent="0.25">
      <c r="A112" s="3" t="s">
        <v>159</v>
      </c>
      <c r="B112" s="5" t="s">
        <v>858</v>
      </c>
      <c r="C112" s="11">
        <v>470807560</v>
      </c>
      <c r="D112" s="11">
        <v>469087560</v>
      </c>
      <c r="E112" s="11">
        <v>274285106.57999998</v>
      </c>
      <c r="F112" s="11">
        <v>58.47</v>
      </c>
      <c r="G112" s="11">
        <v>267622711.13</v>
      </c>
      <c r="H112" s="11">
        <v>57.05</v>
      </c>
    </row>
    <row r="113" spans="1:8" x14ac:dyDescent="0.25">
      <c r="A113" s="2" t="s">
        <v>161</v>
      </c>
      <c r="B113" s="4" t="s">
        <v>859</v>
      </c>
      <c r="C113" s="12">
        <v>453524560</v>
      </c>
      <c r="D113" s="12">
        <v>451804560</v>
      </c>
      <c r="E113" s="12">
        <v>265646000.58000001</v>
      </c>
      <c r="F113" s="12">
        <v>58.8</v>
      </c>
      <c r="G113" s="12">
        <v>265534407.13</v>
      </c>
      <c r="H113" s="12">
        <v>58.77</v>
      </c>
    </row>
    <row r="114" spans="1:8" x14ac:dyDescent="0.25">
      <c r="A114" s="2" t="s">
        <v>163</v>
      </c>
      <c r="B114" s="4" t="s">
        <v>860</v>
      </c>
      <c r="C114" s="12">
        <v>17283000</v>
      </c>
      <c r="D114" s="12">
        <v>17283000</v>
      </c>
      <c r="E114" s="12">
        <v>8639106</v>
      </c>
      <c r="F114" s="12">
        <v>49.99</v>
      </c>
      <c r="G114" s="12">
        <v>2088304</v>
      </c>
      <c r="H114" s="12">
        <v>12.08</v>
      </c>
    </row>
    <row r="115" spans="1:8" x14ac:dyDescent="0.25">
      <c r="A115" s="2" t="s">
        <v>176</v>
      </c>
      <c r="B115" s="4" t="s">
        <v>861</v>
      </c>
      <c r="C115" s="12">
        <v>7344600</v>
      </c>
      <c r="D115" s="12">
        <v>7514600</v>
      </c>
      <c r="E115" s="12">
        <v>2502595.2200000002</v>
      </c>
      <c r="F115" s="12">
        <v>33.299999999999997</v>
      </c>
      <c r="G115" s="12">
        <v>2467043.4500000002</v>
      </c>
      <c r="H115" s="12">
        <v>32.83</v>
      </c>
    </row>
    <row r="116" spans="1:8" x14ac:dyDescent="0.25">
      <c r="A116" s="2" t="s">
        <v>178</v>
      </c>
      <c r="B116" s="4" t="s">
        <v>862</v>
      </c>
      <c r="C116" s="12">
        <v>4089000</v>
      </c>
      <c r="D116" s="12">
        <v>4089000</v>
      </c>
      <c r="E116" s="12">
        <v>792183.23</v>
      </c>
      <c r="F116" s="12">
        <v>19.37</v>
      </c>
      <c r="G116" s="12">
        <v>314674.89</v>
      </c>
      <c r="H116" s="12">
        <v>7.7</v>
      </c>
    </row>
    <row r="117" spans="1:8" x14ac:dyDescent="0.25">
      <c r="A117" s="2" t="s">
        <v>180</v>
      </c>
      <c r="B117" s="4" t="s">
        <v>863</v>
      </c>
      <c r="C117" s="12">
        <v>916256100</v>
      </c>
      <c r="D117" s="12">
        <v>1150537303.01</v>
      </c>
      <c r="E117" s="12">
        <v>926258582.01999998</v>
      </c>
      <c r="F117" s="12">
        <v>80.510000000000005</v>
      </c>
      <c r="G117" s="12">
        <v>900483069.54999995</v>
      </c>
      <c r="H117" s="12">
        <v>78.27</v>
      </c>
    </row>
    <row r="118" spans="1:8" x14ac:dyDescent="0.25">
      <c r="A118" s="3" t="s">
        <v>182</v>
      </c>
      <c r="B118" s="5" t="s">
        <v>864</v>
      </c>
      <c r="C118" s="11">
        <v>2118469100</v>
      </c>
      <c r="D118" s="11">
        <v>2352920303.0100002</v>
      </c>
      <c r="E118" s="11">
        <v>1612696056.9300001</v>
      </c>
      <c r="F118" s="11">
        <v>68.540000000000006</v>
      </c>
      <c r="G118" s="11">
        <v>1577763965.6300001</v>
      </c>
      <c r="H118" s="11">
        <v>67.06</v>
      </c>
    </row>
    <row r="120" spans="1:8" x14ac:dyDescent="0.25">
      <c r="A120" s="10" t="s">
        <v>6</v>
      </c>
      <c r="B120" s="10" t="s">
        <v>865</v>
      </c>
      <c r="C120" s="10" t="s">
        <v>682</v>
      </c>
    </row>
    <row r="121" spans="1:8" x14ac:dyDescent="0.25">
      <c r="A121" s="10" t="s">
        <v>7</v>
      </c>
      <c r="B121" s="10" t="s">
        <v>7</v>
      </c>
      <c r="C121" s="10" t="s">
        <v>7</v>
      </c>
    </row>
    <row r="122" spans="1:8" x14ac:dyDescent="0.25">
      <c r="A122" s="2" t="s">
        <v>184</v>
      </c>
      <c r="B122" s="4" t="s">
        <v>866</v>
      </c>
      <c r="C122" s="12">
        <v>-412477730.5</v>
      </c>
    </row>
    <row r="123" spans="1:8" x14ac:dyDescent="0.25">
      <c r="A123" s="2" t="s">
        <v>186</v>
      </c>
      <c r="B123" s="4" t="s">
        <v>867</v>
      </c>
      <c r="C123" s="12">
        <v>0</v>
      </c>
    </row>
    <row r="124" spans="1:8" x14ac:dyDescent="0.25">
      <c r="A124" s="2" t="s">
        <v>188</v>
      </c>
      <c r="B124" s="4" t="s">
        <v>868</v>
      </c>
      <c r="C124" s="12">
        <v>0</v>
      </c>
    </row>
    <row r="125" spans="1:8" x14ac:dyDescent="0.25">
      <c r="A125" s="2" t="s">
        <v>190</v>
      </c>
      <c r="B125" s="4" t="s">
        <v>869</v>
      </c>
      <c r="C125" s="12">
        <v>0</v>
      </c>
    </row>
    <row r="126" spans="1:8" x14ac:dyDescent="0.25">
      <c r="A126" s="2" t="s">
        <v>192</v>
      </c>
      <c r="B126" s="4" t="s">
        <v>870</v>
      </c>
      <c r="C126" s="12">
        <v>0</v>
      </c>
    </row>
    <row r="127" spans="1:8" x14ac:dyDescent="0.25">
      <c r="A127" s="2" t="s">
        <v>194</v>
      </c>
      <c r="B127" s="4" t="s">
        <v>871</v>
      </c>
      <c r="C127" s="12">
        <v>1330437.8700000001</v>
      </c>
    </row>
    <row r="128" spans="1:8" x14ac:dyDescent="0.25">
      <c r="A128" s="3" t="s">
        <v>196</v>
      </c>
      <c r="B128" s="5" t="s">
        <v>872</v>
      </c>
      <c r="C128" s="11">
        <v>-411147292.63</v>
      </c>
    </row>
    <row r="129" spans="1:8" x14ac:dyDescent="0.25">
      <c r="A129" s="2" t="s">
        <v>198</v>
      </c>
      <c r="B129" s="4" t="s">
        <v>873</v>
      </c>
      <c r="C129" s="12">
        <v>1988911258.26</v>
      </c>
    </row>
    <row r="130" spans="1:8" x14ac:dyDescent="0.25">
      <c r="A130" s="2" t="s">
        <v>200</v>
      </c>
      <c r="B130" s="4" t="s">
        <v>874</v>
      </c>
      <c r="C130" s="12">
        <v>31.31</v>
      </c>
    </row>
    <row r="132" spans="1:8" x14ac:dyDescent="0.25">
      <c r="A132" s="10" t="s">
        <v>6</v>
      </c>
      <c r="B132" s="10" t="s">
        <v>875</v>
      </c>
      <c r="C132" s="10" t="s">
        <v>369</v>
      </c>
      <c r="D132" s="10" t="s">
        <v>823</v>
      </c>
      <c r="E132" s="10" t="s">
        <v>168</v>
      </c>
      <c r="F132" s="10" t="s">
        <v>7</v>
      </c>
      <c r="G132" s="10" t="s">
        <v>172</v>
      </c>
      <c r="H132" s="10" t="s">
        <v>172</v>
      </c>
    </row>
    <row r="133" spans="1:8" ht="21" x14ac:dyDescent="0.25">
      <c r="A133" s="10" t="s">
        <v>7</v>
      </c>
      <c r="B133" s="10" t="s">
        <v>7</v>
      </c>
      <c r="C133" s="10" t="s">
        <v>7</v>
      </c>
      <c r="D133" s="10" t="s">
        <v>7</v>
      </c>
      <c r="E133" s="1" t="s">
        <v>824</v>
      </c>
      <c r="F133" s="1" t="s">
        <v>825</v>
      </c>
      <c r="G133" s="1" t="s">
        <v>876</v>
      </c>
      <c r="H133" s="1" t="s">
        <v>827</v>
      </c>
    </row>
    <row r="134" spans="1:8" x14ac:dyDescent="0.25">
      <c r="A134" s="2" t="s">
        <v>202</v>
      </c>
      <c r="B134" s="4" t="s">
        <v>877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</row>
    <row r="135" spans="1:8" x14ac:dyDescent="0.25">
      <c r="A135" s="2" t="s">
        <v>204</v>
      </c>
      <c r="B135" s="4" t="s">
        <v>878</v>
      </c>
      <c r="C135" s="12">
        <v>70173200</v>
      </c>
      <c r="D135" s="12">
        <v>70173200</v>
      </c>
      <c r="E135" s="12">
        <v>38962648.340000004</v>
      </c>
      <c r="F135" s="12">
        <v>55.52</v>
      </c>
      <c r="G135" s="12">
        <v>31038710.879999999</v>
      </c>
      <c r="H135" s="12">
        <v>44.23</v>
      </c>
    </row>
    <row r="136" spans="1:8" x14ac:dyDescent="0.25">
      <c r="A136" s="2" t="s">
        <v>206</v>
      </c>
      <c r="B136" s="4" t="s">
        <v>879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</row>
    <row r="137" spans="1:8" x14ac:dyDescent="0.25">
      <c r="A137" s="2" t="s">
        <v>208</v>
      </c>
      <c r="B137" s="4" t="s">
        <v>880</v>
      </c>
      <c r="C137" s="12">
        <v>66732900</v>
      </c>
      <c r="D137" s="12">
        <v>79732900</v>
      </c>
      <c r="E137" s="12">
        <v>38072198.759999998</v>
      </c>
      <c r="F137" s="12">
        <v>47.75</v>
      </c>
      <c r="G137" s="12">
        <v>34071671.299999997</v>
      </c>
      <c r="H137" s="12">
        <v>42.73</v>
      </c>
    </row>
    <row r="138" spans="1:8" x14ac:dyDescent="0.25">
      <c r="A138" s="3" t="s">
        <v>210</v>
      </c>
      <c r="B138" s="5" t="s">
        <v>881</v>
      </c>
      <c r="C138" s="11">
        <v>136906100</v>
      </c>
      <c r="D138" s="11">
        <v>149906100</v>
      </c>
      <c r="E138" s="11">
        <v>77034847.099999994</v>
      </c>
      <c r="F138" s="11">
        <v>51.39</v>
      </c>
      <c r="G138" s="11">
        <v>65110382.18</v>
      </c>
      <c r="H138" s="11">
        <v>43.43</v>
      </c>
    </row>
    <row r="139" spans="1:8" x14ac:dyDescent="0.25">
      <c r="A139" s="2" t="s">
        <v>212</v>
      </c>
      <c r="B139" s="4" t="s">
        <v>882</v>
      </c>
      <c r="C139" s="12">
        <v>2255375200</v>
      </c>
      <c r="D139" s="12">
        <v>2502826403.0100002</v>
      </c>
      <c r="E139" s="12">
        <v>1689730904.03</v>
      </c>
      <c r="F139" s="12">
        <v>67.510000000000005</v>
      </c>
      <c r="G139" s="12">
        <v>1642874347.8099999</v>
      </c>
      <c r="H139" s="12">
        <v>65.64</v>
      </c>
    </row>
    <row r="141" spans="1:8" x14ac:dyDescent="0.25">
      <c r="A141" s="10" t="s">
        <v>6</v>
      </c>
      <c r="B141" s="10" t="s">
        <v>883</v>
      </c>
      <c r="C141" s="10" t="s">
        <v>884</v>
      </c>
      <c r="D141" s="10" t="s">
        <v>885</v>
      </c>
    </row>
    <row r="142" spans="1:8" x14ac:dyDescent="0.25">
      <c r="A142" s="10" t="s">
        <v>7</v>
      </c>
      <c r="B142" s="10" t="s">
        <v>7</v>
      </c>
      <c r="C142" s="10" t="s">
        <v>7</v>
      </c>
      <c r="D142" s="10" t="s">
        <v>7</v>
      </c>
    </row>
    <row r="143" spans="1:8" x14ac:dyDescent="0.25">
      <c r="A143" s="3" t="s">
        <v>214</v>
      </c>
      <c r="B143" s="5" t="s">
        <v>886</v>
      </c>
      <c r="C143" s="11">
        <v>20723891.800000001</v>
      </c>
      <c r="D143" s="11">
        <v>1330437.8700000001</v>
      </c>
    </row>
    <row r="144" spans="1:8" x14ac:dyDescent="0.25">
      <c r="A144" s="2" t="s">
        <v>215</v>
      </c>
      <c r="B144" s="4" t="s">
        <v>887</v>
      </c>
      <c r="C144" s="12">
        <v>19743935.489999998</v>
      </c>
      <c r="D144" s="12">
        <v>1330437.8700000001</v>
      </c>
    </row>
    <row r="145" spans="1:4" x14ac:dyDescent="0.25">
      <c r="A145" s="2" t="s">
        <v>216</v>
      </c>
      <c r="B145" s="4" t="s">
        <v>888</v>
      </c>
      <c r="C145" s="12">
        <v>979956.31</v>
      </c>
      <c r="D145" s="12">
        <v>0</v>
      </c>
    </row>
    <row r="147" spans="1:4" x14ac:dyDescent="0.25">
      <c r="A147" s="10" t="s">
        <v>6</v>
      </c>
      <c r="B147" s="10" t="s">
        <v>889</v>
      </c>
      <c r="C147" s="10" t="s">
        <v>890</v>
      </c>
      <c r="D147" s="10" t="s">
        <v>891</v>
      </c>
    </row>
    <row r="148" spans="1:4" x14ac:dyDescent="0.25">
      <c r="A148" s="10" t="s">
        <v>7</v>
      </c>
      <c r="B148" s="10" t="s">
        <v>7</v>
      </c>
      <c r="C148" s="10" t="s">
        <v>7</v>
      </c>
      <c r="D148" s="10" t="s">
        <v>7</v>
      </c>
    </row>
    <row r="149" spans="1:4" x14ac:dyDescent="0.25">
      <c r="A149" s="2" t="s">
        <v>218</v>
      </c>
      <c r="B149" s="4" t="s">
        <v>892</v>
      </c>
      <c r="C149" s="12">
        <v>75580178.609999999</v>
      </c>
      <c r="D149" s="12">
        <v>-2495885.0699999998</v>
      </c>
    </row>
    <row r="150" spans="1:4" x14ac:dyDescent="0.25">
      <c r="A150" s="2" t="s">
        <v>220</v>
      </c>
      <c r="B150" s="4" t="s">
        <v>893</v>
      </c>
      <c r="C150" s="12">
        <v>733695154.17999995</v>
      </c>
      <c r="D150" s="12">
        <v>48912328.969999999</v>
      </c>
    </row>
    <row r="151" spans="1:4" x14ac:dyDescent="0.25">
      <c r="A151" s="3" t="s">
        <v>222</v>
      </c>
      <c r="B151" s="5" t="s">
        <v>894</v>
      </c>
      <c r="C151" s="11">
        <v>709878223.84000003</v>
      </c>
      <c r="D151" s="11">
        <v>30504290.190000001</v>
      </c>
    </row>
    <row r="152" spans="1:4" x14ac:dyDescent="0.25">
      <c r="A152" s="2" t="s">
        <v>225</v>
      </c>
      <c r="B152" s="4" t="s">
        <v>895</v>
      </c>
      <c r="C152" s="12">
        <v>671798915.75999999</v>
      </c>
      <c r="D152" s="12">
        <v>30493399.079999998</v>
      </c>
    </row>
    <row r="153" spans="1:4" x14ac:dyDescent="0.25">
      <c r="A153" s="2" t="s">
        <v>227</v>
      </c>
      <c r="B153" s="4" t="s">
        <v>896</v>
      </c>
      <c r="C153" s="12">
        <v>38079308.079999998</v>
      </c>
      <c r="D153" s="12">
        <v>10891.11</v>
      </c>
    </row>
    <row r="154" spans="1:4" x14ac:dyDescent="0.25">
      <c r="A154" s="2" t="s">
        <v>229</v>
      </c>
      <c r="B154" s="4" t="s">
        <v>897</v>
      </c>
      <c r="C154" s="12">
        <v>1378553.22</v>
      </c>
      <c r="D154" s="12">
        <v>228842.93</v>
      </c>
    </row>
    <row r="155" spans="1:4" x14ac:dyDescent="0.25">
      <c r="A155" s="3" t="s">
        <v>231</v>
      </c>
      <c r="B155" s="5" t="s">
        <v>898</v>
      </c>
      <c r="C155" s="11">
        <v>100775662.17</v>
      </c>
      <c r="D155" s="11">
        <v>16140996.640000001</v>
      </c>
    </row>
    <row r="156" spans="1:4" x14ac:dyDescent="0.25">
      <c r="A156" s="3" t="s">
        <v>233</v>
      </c>
      <c r="B156" s="5" t="s">
        <v>899</v>
      </c>
      <c r="C156" s="11">
        <v>-22531166.579999998</v>
      </c>
      <c r="D156" s="11">
        <v>2849755.66</v>
      </c>
    </row>
    <row r="157" spans="1:4" x14ac:dyDescent="0.25">
      <c r="A157" s="2" t="s">
        <v>235</v>
      </c>
      <c r="B157" s="4" t="s">
        <v>900</v>
      </c>
      <c r="C157" s="12">
        <v>3076728.01</v>
      </c>
      <c r="D157" s="12">
        <v>-221502.92</v>
      </c>
    </row>
    <row r="158" spans="1:4" x14ac:dyDescent="0.25">
      <c r="A158" s="2" t="s">
        <v>237</v>
      </c>
      <c r="B158" s="4" t="s">
        <v>901</v>
      </c>
      <c r="C158" s="12">
        <v>0</v>
      </c>
      <c r="D158" s="12">
        <v>0</v>
      </c>
    </row>
    <row r="159" spans="1:4" x14ac:dyDescent="0.25">
      <c r="A159" s="2" t="s">
        <v>239</v>
      </c>
      <c r="B159" s="4" t="s">
        <v>902</v>
      </c>
      <c r="C159" s="12">
        <v>-25607894.59</v>
      </c>
      <c r="D159" s="12">
        <v>3071258.58</v>
      </c>
    </row>
    <row r="160" spans="1:4" x14ac:dyDescent="0.25">
      <c r="A160" s="2" t="s">
        <v>241</v>
      </c>
      <c r="B160" s="4" t="s">
        <v>903</v>
      </c>
      <c r="C160" s="12">
        <v>0</v>
      </c>
      <c r="D160" s="12">
        <v>0</v>
      </c>
    </row>
    <row r="161" spans="1:4" x14ac:dyDescent="0.25">
      <c r="A161" s="3" t="s">
        <v>243</v>
      </c>
      <c r="B161" s="5" t="s">
        <v>904</v>
      </c>
      <c r="C161" s="11">
        <v>78244495.590000004</v>
      </c>
      <c r="D161" s="11">
        <v>18990752.300000001</v>
      </c>
    </row>
  </sheetData>
  <mergeCells count="62">
    <mergeCell ref="A141:A142"/>
    <mergeCell ref="B141:B142"/>
    <mergeCell ref="C141:C142"/>
    <mergeCell ref="D141:D142"/>
    <mergeCell ref="A147:A148"/>
    <mergeCell ref="B147:B148"/>
    <mergeCell ref="C147:C148"/>
    <mergeCell ref="D147:D148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workbookViewId="0"/>
  </sheetViews>
  <sheetFormatPr defaultRowHeight="15" x14ac:dyDescent="0.25"/>
  <cols>
    <col min="1" max="1" width="2.7109375" bestFit="1" customWidth="1"/>
    <col min="2" max="2" width="137.85546875" customWidth="1"/>
    <col min="3" max="3" width="20.42578125" bestFit="1" customWidth="1"/>
    <col min="4" max="4" width="34.5703125" bestFit="1" customWidth="1"/>
    <col min="5" max="5" width="22.5703125" bestFit="1" customWidth="1"/>
    <col min="6" max="6" width="17.28515625" bestFit="1" customWidth="1"/>
    <col min="7" max="7" width="17.42578125" bestFit="1" customWidth="1"/>
    <col min="8" max="8" width="13" bestFit="1" customWidth="1"/>
  </cols>
  <sheetData>
    <row r="3" spans="1:8" x14ac:dyDescent="0.25">
      <c r="A3" s="6" t="s">
        <v>0</v>
      </c>
      <c r="B3" s="7"/>
      <c r="C3" s="7"/>
      <c r="D3" s="7"/>
      <c r="E3" s="7"/>
      <c r="F3" s="7"/>
      <c r="G3" s="7"/>
      <c r="H3" s="7"/>
    </row>
    <row r="4" spans="1:8" x14ac:dyDescent="0.25">
      <c r="A4" s="6" t="s">
        <v>1</v>
      </c>
      <c r="B4" s="7"/>
      <c r="C4" s="7"/>
      <c r="D4" s="7"/>
      <c r="E4" s="7"/>
      <c r="F4" s="7"/>
      <c r="G4" s="7"/>
      <c r="H4" s="7"/>
    </row>
    <row r="5" spans="1:8" x14ac:dyDescent="0.25">
      <c r="A5" s="8" t="s">
        <v>905</v>
      </c>
      <c r="B5" s="7"/>
      <c r="C5" s="7"/>
      <c r="D5" s="7"/>
      <c r="E5" s="7"/>
      <c r="F5" s="7"/>
      <c r="G5" s="7"/>
      <c r="H5" s="7"/>
    </row>
    <row r="6" spans="1:8" x14ac:dyDescent="0.25">
      <c r="A6" s="6" t="s">
        <v>3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4</v>
      </c>
      <c r="B7" s="7"/>
      <c r="C7" s="7"/>
      <c r="D7" s="7"/>
      <c r="E7" s="7"/>
      <c r="F7" s="7"/>
      <c r="G7" s="7"/>
      <c r="H7" s="7"/>
    </row>
    <row r="9" spans="1:8" x14ac:dyDescent="0.25">
      <c r="A9" s="9" t="s">
        <v>906</v>
      </c>
      <c r="B9" s="7"/>
      <c r="C9" s="7"/>
      <c r="D9" s="7"/>
      <c r="E9" s="7"/>
      <c r="F9" s="7"/>
      <c r="G9" s="7"/>
      <c r="H9" s="7"/>
    </row>
    <row r="10" spans="1:8" x14ac:dyDescent="0.25">
      <c r="A10" s="10" t="s">
        <v>6</v>
      </c>
      <c r="B10" s="10" t="s">
        <v>907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8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1</v>
      </c>
      <c r="F11" s="1" t="s">
        <v>908</v>
      </c>
    </row>
    <row r="12" spans="1:8" x14ac:dyDescent="0.25">
      <c r="A12" s="3" t="s">
        <v>17</v>
      </c>
      <c r="B12" s="5" t="s">
        <v>909</v>
      </c>
      <c r="C12" s="11">
        <v>10687148600</v>
      </c>
      <c r="D12" s="11">
        <v>10687148600</v>
      </c>
      <c r="E12" s="11">
        <v>7156610467.9399996</v>
      </c>
      <c r="F12" s="11">
        <v>66.959999999999994</v>
      </c>
    </row>
    <row r="13" spans="1:8" x14ac:dyDescent="0.25">
      <c r="A13" s="2" t="s">
        <v>19</v>
      </c>
      <c r="B13" s="4" t="s">
        <v>910</v>
      </c>
      <c r="C13" s="12">
        <v>142311600</v>
      </c>
      <c r="D13" s="12">
        <v>142311600</v>
      </c>
      <c r="E13" s="12">
        <v>101073154.63</v>
      </c>
      <c r="F13" s="12">
        <v>71.02</v>
      </c>
    </row>
    <row r="14" spans="1:8" x14ac:dyDescent="0.25">
      <c r="A14" s="2" t="s">
        <v>21</v>
      </c>
      <c r="B14" s="4" t="s">
        <v>911</v>
      </c>
      <c r="C14" s="12">
        <v>8823338900</v>
      </c>
      <c r="D14" s="12">
        <v>8823338900</v>
      </c>
      <c r="E14" s="12">
        <v>5744946985.8299999</v>
      </c>
      <c r="F14" s="12">
        <v>65.11</v>
      </c>
    </row>
    <row r="15" spans="1:8" x14ac:dyDescent="0.25">
      <c r="A15" s="2" t="s">
        <v>23</v>
      </c>
      <c r="B15" s="4" t="s">
        <v>912</v>
      </c>
      <c r="C15" s="12">
        <v>657265100</v>
      </c>
      <c r="D15" s="12">
        <v>657265100</v>
      </c>
      <c r="E15" s="12">
        <v>586006254.38</v>
      </c>
      <c r="F15" s="12">
        <v>89.16</v>
      </c>
    </row>
    <row r="16" spans="1:8" x14ac:dyDescent="0.25">
      <c r="A16" s="2" t="s">
        <v>25</v>
      </c>
      <c r="B16" s="4" t="s">
        <v>913</v>
      </c>
      <c r="C16" s="12">
        <v>949714500</v>
      </c>
      <c r="D16" s="12">
        <v>949714500</v>
      </c>
      <c r="E16" s="12">
        <v>621985541.20000005</v>
      </c>
      <c r="F16" s="12">
        <v>65.489999999999995</v>
      </c>
    </row>
    <row r="17" spans="1:6" x14ac:dyDescent="0.25">
      <c r="A17" s="2" t="s">
        <v>27</v>
      </c>
      <c r="B17" s="4" t="s">
        <v>914</v>
      </c>
      <c r="C17" s="12">
        <v>76242000</v>
      </c>
      <c r="D17" s="12">
        <v>76242000</v>
      </c>
      <c r="E17" s="12">
        <v>59493505.670000002</v>
      </c>
      <c r="F17" s="12">
        <v>78.03</v>
      </c>
    </row>
    <row r="18" spans="1:6" x14ac:dyDescent="0.25">
      <c r="A18" s="2" t="s">
        <v>29</v>
      </c>
      <c r="B18" s="4" t="s">
        <v>915</v>
      </c>
      <c r="C18" s="12">
        <v>38276500</v>
      </c>
      <c r="D18" s="12">
        <v>38276500</v>
      </c>
      <c r="E18" s="12">
        <v>43105026.229999997</v>
      </c>
      <c r="F18" s="12">
        <v>112.61</v>
      </c>
    </row>
    <row r="19" spans="1:6" x14ac:dyDescent="0.25">
      <c r="A19" s="2" t="s">
        <v>31</v>
      </c>
      <c r="B19" s="4" t="s">
        <v>916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3" t="s">
        <v>33</v>
      </c>
      <c r="B20" s="5" t="s">
        <v>917</v>
      </c>
      <c r="C20" s="11">
        <v>1342751200</v>
      </c>
      <c r="D20" s="11">
        <v>1342751200</v>
      </c>
      <c r="E20" s="11">
        <v>963823773.89999998</v>
      </c>
      <c r="F20" s="11">
        <v>71.78</v>
      </c>
    </row>
    <row r="21" spans="1:6" x14ac:dyDescent="0.25">
      <c r="A21" s="2" t="s">
        <v>35</v>
      </c>
      <c r="B21" s="4" t="s">
        <v>635</v>
      </c>
      <c r="C21" s="12">
        <v>1218808000</v>
      </c>
      <c r="D21" s="12">
        <v>1218808000</v>
      </c>
      <c r="E21" s="12">
        <v>895796882.23000002</v>
      </c>
      <c r="F21" s="12">
        <v>73.5</v>
      </c>
    </row>
    <row r="22" spans="1:6" x14ac:dyDescent="0.25">
      <c r="A22" s="2" t="s">
        <v>37</v>
      </c>
      <c r="B22" s="4" t="s">
        <v>918</v>
      </c>
      <c r="C22" s="12">
        <v>105726200</v>
      </c>
      <c r="D22" s="12">
        <v>105726200</v>
      </c>
      <c r="E22" s="12">
        <v>68026891.670000002</v>
      </c>
      <c r="F22" s="12">
        <v>64.34</v>
      </c>
    </row>
    <row r="23" spans="1:6" x14ac:dyDescent="0.25">
      <c r="A23" s="3" t="s">
        <v>39</v>
      </c>
      <c r="B23" s="5" t="s">
        <v>919</v>
      </c>
      <c r="C23" s="11">
        <v>18217000</v>
      </c>
      <c r="D23" s="11">
        <v>18217000</v>
      </c>
      <c r="E23" s="11">
        <v>0</v>
      </c>
      <c r="F23" s="11">
        <v>0</v>
      </c>
    </row>
    <row r="24" spans="1:6" x14ac:dyDescent="0.25">
      <c r="A24" s="2" t="s">
        <v>41</v>
      </c>
      <c r="B24" s="4" t="s">
        <v>920</v>
      </c>
      <c r="C24" s="12">
        <v>18217000</v>
      </c>
      <c r="D24" s="12">
        <v>18217000</v>
      </c>
      <c r="E24" s="12">
        <v>0</v>
      </c>
      <c r="F24" s="12">
        <v>0</v>
      </c>
    </row>
    <row r="25" spans="1:6" x14ac:dyDescent="0.25">
      <c r="A25" s="2" t="s">
        <v>43</v>
      </c>
      <c r="B25" s="4" t="s">
        <v>921</v>
      </c>
      <c r="C25" s="12">
        <v>0</v>
      </c>
      <c r="D25" s="12">
        <v>0</v>
      </c>
      <c r="E25" s="12">
        <v>0</v>
      </c>
      <c r="F25" s="12">
        <v>0</v>
      </c>
    </row>
    <row r="26" spans="1:6" x14ac:dyDescent="0.25">
      <c r="A26" s="3" t="s">
        <v>45</v>
      </c>
      <c r="B26" s="5" t="s">
        <v>922</v>
      </c>
      <c r="C26" s="11">
        <v>2577197800</v>
      </c>
      <c r="D26" s="11">
        <v>2577197800</v>
      </c>
      <c r="E26" s="11">
        <v>1767628085.75</v>
      </c>
      <c r="F26" s="11">
        <v>68.59</v>
      </c>
    </row>
    <row r="27" spans="1:6" x14ac:dyDescent="0.25">
      <c r="A27" s="2" t="s">
        <v>47</v>
      </c>
      <c r="B27" s="4" t="s">
        <v>923</v>
      </c>
      <c r="C27" s="12">
        <v>2203160000</v>
      </c>
      <c r="D27" s="12">
        <v>2203160000</v>
      </c>
      <c r="E27" s="12">
        <v>1439655700.8299999</v>
      </c>
      <c r="F27" s="12">
        <v>65.349999999999994</v>
      </c>
    </row>
    <row r="28" spans="1:6" x14ac:dyDescent="0.25">
      <c r="A28" s="2" t="s">
        <v>49</v>
      </c>
      <c r="B28" s="4" t="s">
        <v>924</v>
      </c>
      <c r="C28" s="12">
        <v>347606200</v>
      </c>
      <c r="D28" s="12">
        <v>347606200</v>
      </c>
      <c r="E28" s="12">
        <v>310965661.95999998</v>
      </c>
      <c r="F28" s="12">
        <v>89.46</v>
      </c>
    </row>
    <row r="29" spans="1:6" x14ac:dyDescent="0.25">
      <c r="A29" s="2" t="s">
        <v>51</v>
      </c>
      <c r="B29" s="4" t="s">
        <v>925</v>
      </c>
      <c r="C29" s="12">
        <v>26431600</v>
      </c>
      <c r="D29" s="12">
        <v>26431600</v>
      </c>
      <c r="E29" s="12">
        <v>17006722.960000001</v>
      </c>
      <c r="F29" s="12">
        <v>64.34</v>
      </c>
    </row>
    <row r="30" spans="1:6" x14ac:dyDescent="0.25">
      <c r="A30" s="3" t="s">
        <v>53</v>
      </c>
      <c r="B30" s="5" t="s">
        <v>926</v>
      </c>
      <c r="C30" s="11">
        <v>9452702000</v>
      </c>
      <c r="D30" s="11">
        <v>9452702000</v>
      </c>
      <c r="E30" s="11">
        <v>6352806156.0900002</v>
      </c>
      <c r="F30" s="11">
        <v>67.209999999999994</v>
      </c>
    </row>
    <row r="32" spans="1:6" x14ac:dyDescent="0.25">
      <c r="A32" s="10" t="s">
        <v>6</v>
      </c>
      <c r="B32" s="10" t="s">
        <v>927</v>
      </c>
      <c r="C32" s="10" t="s">
        <v>9</v>
      </c>
      <c r="D32" s="10" t="s">
        <v>928</v>
      </c>
      <c r="E32" s="10" t="s">
        <v>11</v>
      </c>
      <c r="F32" s="10" t="s">
        <v>11</v>
      </c>
    </row>
    <row r="33" spans="1:8" ht="21" x14ac:dyDescent="0.25">
      <c r="A33" s="10" t="s">
        <v>7</v>
      </c>
      <c r="B33" s="10" t="s">
        <v>7</v>
      </c>
      <c r="C33" s="10" t="s">
        <v>7</v>
      </c>
      <c r="D33" s="10" t="s">
        <v>7</v>
      </c>
      <c r="E33" s="1" t="s">
        <v>374</v>
      </c>
      <c r="F33" s="1" t="s">
        <v>929</v>
      </c>
    </row>
    <row r="34" spans="1:8" x14ac:dyDescent="0.25">
      <c r="A34" s="3" t="s">
        <v>55</v>
      </c>
      <c r="B34" s="5" t="s">
        <v>930</v>
      </c>
      <c r="C34" s="11">
        <v>320764500</v>
      </c>
      <c r="D34" s="11">
        <v>320764500</v>
      </c>
      <c r="E34" s="11">
        <v>133752404.87</v>
      </c>
      <c r="F34" s="11">
        <v>41.7</v>
      </c>
    </row>
    <row r="35" spans="1:8" x14ac:dyDescent="0.25">
      <c r="A35" s="2" t="s">
        <v>57</v>
      </c>
      <c r="B35" s="4" t="s">
        <v>931</v>
      </c>
      <c r="C35" s="12">
        <v>251447800</v>
      </c>
      <c r="D35" s="12">
        <v>251447800</v>
      </c>
      <c r="E35" s="12">
        <v>92922675.290000007</v>
      </c>
      <c r="F35" s="12">
        <v>36.96</v>
      </c>
    </row>
    <row r="36" spans="1:8" x14ac:dyDescent="0.25">
      <c r="A36" s="2" t="s">
        <v>59</v>
      </c>
      <c r="B36" s="4" t="s">
        <v>932</v>
      </c>
      <c r="C36" s="12">
        <v>0</v>
      </c>
      <c r="D36" s="12">
        <v>0</v>
      </c>
      <c r="E36" s="12">
        <v>0</v>
      </c>
      <c r="F36" s="12">
        <v>0</v>
      </c>
    </row>
    <row r="37" spans="1:8" x14ac:dyDescent="0.25">
      <c r="A37" s="2" t="s">
        <v>61</v>
      </c>
      <c r="B37" s="4" t="s">
        <v>933</v>
      </c>
      <c r="C37" s="12">
        <v>0</v>
      </c>
      <c r="D37" s="12">
        <v>0</v>
      </c>
      <c r="E37" s="12">
        <v>0</v>
      </c>
      <c r="F37" s="12">
        <v>0</v>
      </c>
    </row>
    <row r="38" spans="1:8" x14ac:dyDescent="0.25">
      <c r="A38" s="2" t="s">
        <v>63</v>
      </c>
      <c r="B38" s="4" t="s">
        <v>934</v>
      </c>
      <c r="C38" s="12">
        <v>69316700</v>
      </c>
      <c r="D38" s="12">
        <v>69316700</v>
      </c>
      <c r="E38" s="12">
        <v>40829729.579999998</v>
      </c>
      <c r="F38" s="12">
        <v>58.9</v>
      </c>
    </row>
    <row r="39" spans="1:8" x14ac:dyDescent="0.25">
      <c r="A39" s="2" t="s">
        <v>65</v>
      </c>
      <c r="B39" s="4" t="s">
        <v>935</v>
      </c>
      <c r="C39" s="12">
        <v>155000</v>
      </c>
      <c r="D39" s="12">
        <v>155000</v>
      </c>
      <c r="E39" s="12">
        <v>104529.89</v>
      </c>
      <c r="F39" s="12">
        <v>67.44</v>
      </c>
    </row>
    <row r="40" spans="1:8" x14ac:dyDescent="0.25">
      <c r="A40" s="2" t="s">
        <v>67</v>
      </c>
      <c r="B40" s="4" t="s">
        <v>936</v>
      </c>
      <c r="C40" s="12">
        <v>0</v>
      </c>
      <c r="D40" s="12">
        <v>0</v>
      </c>
      <c r="E40" s="12">
        <v>0</v>
      </c>
      <c r="F40" s="12">
        <v>0</v>
      </c>
    </row>
    <row r="41" spans="1:8" x14ac:dyDescent="0.25">
      <c r="A41" s="2" t="s">
        <v>69</v>
      </c>
      <c r="B41" s="4" t="s">
        <v>937</v>
      </c>
      <c r="C41" s="12">
        <v>170000</v>
      </c>
      <c r="D41" s="12">
        <v>170000</v>
      </c>
      <c r="E41" s="12">
        <v>16650</v>
      </c>
      <c r="F41" s="12">
        <v>9.7899999999999991</v>
      </c>
    </row>
    <row r="42" spans="1:8" x14ac:dyDescent="0.25">
      <c r="A42" s="3" t="s">
        <v>71</v>
      </c>
      <c r="B42" s="5" t="s">
        <v>938</v>
      </c>
      <c r="C42" s="11">
        <v>321089500</v>
      </c>
      <c r="D42" s="11">
        <v>321089500</v>
      </c>
      <c r="E42" s="11">
        <v>133873584.76000001</v>
      </c>
      <c r="F42" s="11">
        <v>41.69</v>
      </c>
    </row>
    <row r="44" spans="1:8" x14ac:dyDescent="0.25">
      <c r="A44" s="10" t="s">
        <v>6</v>
      </c>
      <c r="B44" s="10" t="s">
        <v>939</v>
      </c>
      <c r="C44" s="10" t="s">
        <v>369</v>
      </c>
      <c r="D44" s="10" t="s">
        <v>167</v>
      </c>
      <c r="E44" s="10" t="s">
        <v>168</v>
      </c>
      <c r="F44" s="10" t="s">
        <v>7</v>
      </c>
      <c r="G44" s="10" t="s">
        <v>172</v>
      </c>
      <c r="H44" s="10" t="s">
        <v>172</v>
      </c>
    </row>
    <row r="45" spans="1:8" ht="21" x14ac:dyDescent="0.25">
      <c r="A45" s="10" t="s">
        <v>7</v>
      </c>
      <c r="B45" s="10" t="s">
        <v>7</v>
      </c>
      <c r="C45" s="10" t="s">
        <v>7</v>
      </c>
      <c r="D45" s="10" t="s">
        <v>7</v>
      </c>
      <c r="E45" s="1" t="s">
        <v>170</v>
      </c>
      <c r="F45" s="1" t="s">
        <v>940</v>
      </c>
      <c r="G45" s="1" t="s">
        <v>826</v>
      </c>
      <c r="H45" s="1" t="s">
        <v>941</v>
      </c>
    </row>
    <row r="46" spans="1:8" x14ac:dyDescent="0.25">
      <c r="A46" s="3" t="s">
        <v>73</v>
      </c>
      <c r="B46" s="5" t="s">
        <v>349</v>
      </c>
      <c r="C46" s="11">
        <v>1358219500</v>
      </c>
      <c r="D46" s="11">
        <v>1467742499.71</v>
      </c>
      <c r="E46" s="11">
        <v>994290566.48000002</v>
      </c>
      <c r="F46" s="11">
        <v>67.739999999999995</v>
      </c>
      <c r="G46" s="11">
        <v>915268104.95000005</v>
      </c>
      <c r="H46" s="11">
        <v>62.36</v>
      </c>
    </row>
    <row r="47" spans="1:8" x14ac:dyDescent="0.25">
      <c r="A47" s="2" t="s">
        <v>75</v>
      </c>
      <c r="B47" s="4" t="s">
        <v>942</v>
      </c>
      <c r="C47" s="12">
        <v>406341700</v>
      </c>
      <c r="D47" s="12">
        <v>318533551</v>
      </c>
      <c r="E47" s="12">
        <v>220032996.91</v>
      </c>
      <c r="F47" s="12">
        <v>69.08</v>
      </c>
      <c r="G47" s="12">
        <v>217374838.09</v>
      </c>
      <c r="H47" s="12">
        <v>68.239999999999995</v>
      </c>
    </row>
    <row r="48" spans="1:8" x14ac:dyDescent="0.25">
      <c r="A48" s="2" t="s">
        <v>77</v>
      </c>
      <c r="B48" s="4" t="s">
        <v>943</v>
      </c>
      <c r="C48" s="12">
        <v>213600</v>
      </c>
      <c r="D48" s="12">
        <v>213600</v>
      </c>
      <c r="E48" s="12">
        <v>127604.7</v>
      </c>
      <c r="F48" s="12">
        <v>59.74</v>
      </c>
      <c r="G48" s="12">
        <v>121202.06</v>
      </c>
      <c r="H48" s="12">
        <v>56.74</v>
      </c>
    </row>
    <row r="49" spans="1:8" x14ac:dyDescent="0.25">
      <c r="A49" s="2" t="s">
        <v>79</v>
      </c>
      <c r="B49" s="4" t="s">
        <v>944</v>
      </c>
      <c r="C49" s="12">
        <v>951664200</v>
      </c>
      <c r="D49" s="12">
        <v>1148995348.71</v>
      </c>
      <c r="E49" s="12">
        <v>774129964.87</v>
      </c>
      <c r="F49" s="12">
        <v>67.37</v>
      </c>
      <c r="G49" s="12">
        <v>697772064.79999995</v>
      </c>
      <c r="H49" s="12">
        <v>60.73</v>
      </c>
    </row>
    <row r="50" spans="1:8" x14ac:dyDescent="0.25">
      <c r="A50" s="3" t="s">
        <v>81</v>
      </c>
      <c r="B50" s="5" t="s">
        <v>357</v>
      </c>
      <c r="C50" s="11">
        <v>111003300</v>
      </c>
      <c r="D50" s="11">
        <v>145244480</v>
      </c>
      <c r="E50" s="11">
        <v>36021896.299999997</v>
      </c>
      <c r="F50" s="11">
        <v>24.8</v>
      </c>
      <c r="G50" s="11">
        <v>6832727.4900000002</v>
      </c>
      <c r="H50" s="11">
        <v>4.7</v>
      </c>
    </row>
    <row r="51" spans="1:8" x14ac:dyDescent="0.25">
      <c r="A51" s="2" t="s">
        <v>83</v>
      </c>
      <c r="B51" s="4" t="s">
        <v>945</v>
      </c>
      <c r="C51" s="12">
        <v>110806700</v>
      </c>
      <c r="D51" s="12">
        <v>145047880</v>
      </c>
      <c r="E51" s="12">
        <v>35890987.340000004</v>
      </c>
      <c r="F51" s="12">
        <v>24.74</v>
      </c>
      <c r="G51" s="12">
        <v>6701818.5300000003</v>
      </c>
      <c r="H51" s="12">
        <v>4.62</v>
      </c>
    </row>
    <row r="52" spans="1:8" x14ac:dyDescent="0.25">
      <c r="A52" s="2" t="s">
        <v>85</v>
      </c>
      <c r="B52" s="4" t="s">
        <v>946</v>
      </c>
      <c r="C52" s="12">
        <v>200</v>
      </c>
      <c r="D52" s="12">
        <v>200</v>
      </c>
      <c r="E52" s="12">
        <v>0</v>
      </c>
      <c r="F52" s="12">
        <v>0</v>
      </c>
      <c r="G52" s="12">
        <v>0</v>
      </c>
      <c r="H52" s="12">
        <v>0</v>
      </c>
    </row>
    <row r="53" spans="1:8" x14ac:dyDescent="0.25">
      <c r="A53" s="2" t="s">
        <v>87</v>
      </c>
      <c r="B53" s="4" t="s">
        <v>947</v>
      </c>
      <c r="C53" s="12">
        <v>196400</v>
      </c>
      <c r="D53" s="12">
        <v>196400</v>
      </c>
      <c r="E53" s="12">
        <v>130908.96</v>
      </c>
      <c r="F53" s="12">
        <v>66.650000000000006</v>
      </c>
      <c r="G53" s="12">
        <v>130908.96</v>
      </c>
      <c r="H53" s="12">
        <v>66.650000000000006</v>
      </c>
    </row>
    <row r="54" spans="1:8" x14ac:dyDescent="0.25">
      <c r="A54" s="3" t="s">
        <v>89</v>
      </c>
      <c r="B54" s="5" t="s">
        <v>948</v>
      </c>
      <c r="C54" s="11">
        <v>1469222800</v>
      </c>
      <c r="D54" s="11">
        <v>1612986979.71</v>
      </c>
      <c r="E54" s="11">
        <v>1030312462.78</v>
      </c>
      <c r="F54" s="11">
        <v>63.88</v>
      </c>
      <c r="G54" s="11">
        <v>922100832.44000006</v>
      </c>
      <c r="H54" s="11">
        <v>57.17</v>
      </c>
    </row>
    <row r="56" spans="1:8" x14ac:dyDescent="0.25">
      <c r="A56" s="10" t="s">
        <v>6</v>
      </c>
      <c r="B56" s="10" t="s">
        <v>949</v>
      </c>
      <c r="C56" s="10" t="s">
        <v>369</v>
      </c>
      <c r="D56" s="10" t="s">
        <v>559</v>
      </c>
      <c r="E56" s="10" t="s">
        <v>168</v>
      </c>
      <c r="F56" s="10" t="s">
        <v>7</v>
      </c>
      <c r="G56" s="10" t="s">
        <v>172</v>
      </c>
      <c r="H56" s="10" t="s">
        <v>172</v>
      </c>
    </row>
    <row r="57" spans="1:8" ht="21" x14ac:dyDescent="0.25">
      <c r="A57" s="10" t="s">
        <v>7</v>
      </c>
      <c r="B57" s="10" t="s">
        <v>7</v>
      </c>
      <c r="C57" s="10" t="s">
        <v>7</v>
      </c>
      <c r="D57" s="10" t="s">
        <v>7</v>
      </c>
      <c r="E57" s="1" t="s">
        <v>173</v>
      </c>
      <c r="F57" s="1" t="s">
        <v>950</v>
      </c>
      <c r="G57" s="1" t="s">
        <v>951</v>
      </c>
      <c r="H57" s="1" t="s">
        <v>952</v>
      </c>
    </row>
    <row r="58" spans="1:8" x14ac:dyDescent="0.25">
      <c r="A58" s="2" t="s">
        <v>91</v>
      </c>
      <c r="B58" s="4" t="s">
        <v>953</v>
      </c>
      <c r="C58" s="12">
        <v>0</v>
      </c>
      <c r="D58" s="12">
        <v>0</v>
      </c>
      <c r="E58" s="12">
        <v>0</v>
      </c>
      <c r="F58" s="12">
        <v>1.1499999999999999</v>
      </c>
      <c r="G58" s="12">
        <v>0</v>
      </c>
      <c r="H58" s="12">
        <v>0.28000000000000003</v>
      </c>
    </row>
    <row r="59" spans="1:8" x14ac:dyDescent="0.25">
      <c r="A59" s="2" t="s">
        <v>93</v>
      </c>
      <c r="B59" s="4" t="s">
        <v>954</v>
      </c>
      <c r="C59" s="12">
        <v>0</v>
      </c>
      <c r="D59" s="12">
        <v>0</v>
      </c>
      <c r="E59" s="12">
        <v>0</v>
      </c>
      <c r="F59" s="12">
        <v>1.1499999999999999</v>
      </c>
      <c r="G59" s="12">
        <v>0</v>
      </c>
      <c r="H59" s="12">
        <v>0.28000000000000003</v>
      </c>
    </row>
    <row r="60" spans="1:8" x14ac:dyDescent="0.25">
      <c r="A60" s="3" t="s">
        <v>95</v>
      </c>
      <c r="B60" s="5" t="s">
        <v>955</v>
      </c>
      <c r="C60" s="11">
        <v>331877700</v>
      </c>
      <c r="D60" s="11">
        <v>364217179</v>
      </c>
      <c r="E60" s="11">
        <v>164622022.22999999</v>
      </c>
      <c r="F60" s="11">
        <v>15.98</v>
      </c>
      <c r="G60" s="11">
        <v>119004578.44</v>
      </c>
      <c r="H60" s="11">
        <v>12.91</v>
      </c>
    </row>
    <row r="61" spans="1:8" x14ac:dyDescent="0.25">
      <c r="A61" s="2" t="s">
        <v>97</v>
      </c>
      <c r="B61" s="4" t="s">
        <v>956</v>
      </c>
      <c r="C61" s="12">
        <v>255134500</v>
      </c>
      <c r="D61" s="12">
        <v>255134500</v>
      </c>
      <c r="E61" s="12">
        <v>116396189.31</v>
      </c>
      <c r="F61" s="12">
        <v>11.3</v>
      </c>
      <c r="G61" s="12">
        <v>91204465.849999994</v>
      </c>
      <c r="H61" s="12">
        <v>9.89</v>
      </c>
    </row>
    <row r="62" spans="1:8" x14ac:dyDescent="0.25">
      <c r="A62" s="2" t="s">
        <v>99</v>
      </c>
      <c r="B62" s="4" t="s">
        <v>957</v>
      </c>
      <c r="C62" s="12">
        <v>10788200</v>
      </c>
      <c r="D62" s="12">
        <v>43127679</v>
      </c>
      <c r="E62" s="12">
        <v>11821467.380000001</v>
      </c>
      <c r="F62" s="12">
        <v>1.1499999999999999</v>
      </c>
      <c r="G62" s="12">
        <v>2596372.77</v>
      </c>
      <c r="H62" s="12">
        <v>0.28000000000000003</v>
      </c>
    </row>
    <row r="63" spans="1:8" x14ac:dyDescent="0.25">
      <c r="A63" s="2" t="s">
        <v>101</v>
      </c>
      <c r="B63" s="4" t="s">
        <v>958</v>
      </c>
      <c r="C63" s="12">
        <v>65955000</v>
      </c>
      <c r="D63" s="12">
        <v>65955000</v>
      </c>
      <c r="E63" s="12">
        <v>36404365.539999999</v>
      </c>
      <c r="F63" s="12">
        <v>3.53</v>
      </c>
      <c r="G63" s="12">
        <v>25203739.82</v>
      </c>
      <c r="H63" s="12">
        <v>2.73</v>
      </c>
    </row>
    <row r="64" spans="1:8" x14ac:dyDescent="0.25">
      <c r="A64" s="2" t="s">
        <v>103</v>
      </c>
      <c r="B64" s="4" t="s">
        <v>959</v>
      </c>
      <c r="C64" s="12">
        <v>0</v>
      </c>
      <c r="D64" s="12">
        <v>0</v>
      </c>
      <c r="E64" s="12">
        <v>0</v>
      </c>
      <c r="F64" s="12">
        <v>0</v>
      </c>
      <c r="G64" s="12">
        <v>0</v>
      </c>
      <c r="H64" s="12">
        <v>0</v>
      </c>
    </row>
    <row r="65" spans="1:8" x14ac:dyDescent="0.25">
      <c r="A65" s="2" t="s">
        <v>105</v>
      </c>
      <c r="B65" s="4" t="s">
        <v>960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</row>
    <row r="66" spans="1:8" x14ac:dyDescent="0.25">
      <c r="A66" s="2" t="s">
        <v>107</v>
      </c>
      <c r="B66" s="4" t="s">
        <v>961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</row>
    <row r="67" spans="1:8" x14ac:dyDescent="0.25">
      <c r="A67" s="2" t="s">
        <v>109</v>
      </c>
      <c r="B67" s="4" t="s">
        <v>96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</row>
    <row r="68" spans="1:8" x14ac:dyDescent="0.25">
      <c r="A68" s="3" t="s">
        <v>111</v>
      </c>
      <c r="B68" s="5" t="s">
        <v>963</v>
      </c>
      <c r="C68" s="11">
        <v>331877700</v>
      </c>
      <c r="D68" s="11">
        <v>364217179</v>
      </c>
      <c r="E68" s="11">
        <v>164622022.22999999</v>
      </c>
      <c r="F68" s="11">
        <v>15.98</v>
      </c>
      <c r="G68" s="11">
        <v>119004578.44</v>
      </c>
      <c r="H68" s="11">
        <v>12.91</v>
      </c>
    </row>
    <row r="70" spans="1:8" x14ac:dyDescent="0.25">
      <c r="A70" s="10" t="s">
        <v>6</v>
      </c>
      <c r="B70" s="10" t="s">
        <v>964</v>
      </c>
      <c r="C70" s="10" t="s">
        <v>369</v>
      </c>
      <c r="D70" s="10" t="s">
        <v>559</v>
      </c>
      <c r="E70" s="10" t="s">
        <v>168</v>
      </c>
      <c r="F70" s="10" t="s">
        <v>7</v>
      </c>
      <c r="G70" s="10" t="s">
        <v>172</v>
      </c>
      <c r="H70" s="10" t="s">
        <v>172</v>
      </c>
    </row>
    <row r="71" spans="1:8" ht="21" x14ac:dyDescent="0.25">
      <c r="A71" s="10" t="s">
        <v>7</v>
      </c>
      <c r="B71" s="10" t="s">
        <v>7</v>
      </c>
      <c r="C71" s="10" t="s">
        <v>7</v>
      </c>
      <c r="D71" s="10" t="s">
        <v>7</v>
      </c>
      <c r="E71" s="1" t="s">
        <v>173</v>
      </c>
      <c r="F71" s="1" t="s">
        <v>965</v>
      </c>
      <c r="G71" s="1" t="s">
        <v>951</v>
      </c>
      <c r="H71" s="1" t="s">
        <v>966</v>
      </c>
    </row>
    <row r="72" spans="1:8" x14ac:dyDescent="0.25">
      <c r="A72" s="2" t="s">
        <v>113</v>
      </c>
      <c r="B72" s="4" t="s">
        <v>967</v>
      </c>
      <c r="C72" s="12">
        <v>1137345100</v>
      </c>
      <c r="D72" s="12">
        <v>1248769800.71</v>
      </c>
      <c r="E72" s="12">
        <v>865690440.54999995</v>
      </c>
      <c r="F72" s="12">
        <v>84.02</v>
      </c>
      <c r="G72" s="12">
        <v>803096254</v>
      </c>
      <c r="H72" s="12">
        <v>87.09</v>
      </c>
    </row>
    <row r="74" spans="1:8" x14ac:dyDescent="0.25">
      <c r="A74" s="10" t="s">
        <v>6</v>
      </c>
      <c r="B74" s="10" t="s">
        <v>968</v>
      </c>
      <c r="C74" s="10" t="s">
        <v>682</v>
      </c>
    </row>
    <row r="75" spans="1:8" x14ac:dyDescent="0.25">
      <c r="A75" s="10" t="s">
        <v>7</v>
      </c>
      <c r="B75" s="10" t="s">
        <v>7</v>
      </c>
      <c r="C75" s="10" t="s">
        <v>7</v>
      </c>
    </row>
    <row r="76" spans="1:8" x14ac:dyDescent="0.25">
      <c r="A76" s="2" t="s">
        <v>115</v>
      </c>
      <c r="B76" s="4" t="s">
        <v>969</v>
      </c>
      <c r="C76" s="12">
        <v>12.64</v>
      </c>
    </row>
    <row r="78" spans="1:8" x14ac:dyDescent="0.25">
      <c r="A78" s="10" t="s">
        <v>6</v>
      </c>
      <c r="B78" s="10" t="s">
        <v>970</v>
      </c>
      <c r="C78" s="10" t="s">
        <v>682</v>
      </c>
    </row>
    <row r="79" spans="1:8" x14ac:dyDescent="0.25">
      <c r="A79" s="10" t="s">
        <v>7</v>
      </c>
      <c r="B79" s="10" t="s">
        <v>7</v>
      </c>
      <c r="C79" s="10" t="s">
        <v>7</v>
      </c>
    </row>
    <row r="80" spans="1:8" x14ac:dyDescent="0.25">
      <c r="A80" s="2" t="s">
        <v>117</v>
      </c>
      <c r="B80" s="4" t="s">
        <v>971</v>
      </c>
      <c r="C80" s="12">
        <v>40759515.270000003</v>
      </c>
    </row>
    <row r="82" spans="1:7" x14ac:dyDescent="0.25">
      <c r="A82" s="10" t="s">
        <v>6</v>
      </c>
      <c r="B82" s="10" t="s">
        <v>972</v>
      </c>
      <c r="C82" s="10" t="s">
        <v>973</v>
      </c>
      <c r="D82" s="10" t="s">
        <v>974</v>
      </c>
      <c r="E82" s="10" t="s">
        <v>975</v>
      </c>
      <c r="F82" s="10" t="s">
        <v>976</v>
      </c>
      <c r="G82" s="10" t="s">
        <v>977</v>
      </c>
    </row>
    <row r="83" spans="1:7" x14ac:dyDescent="0.25">
      <c r="A83" s="10" t="s">
        <v>7</v>
      </c>
      <c r="B83" s="10" t="s">
        <v>7</v>
      </c>
      <c r="C83" s="10" t="s">
        <v>7</v>
      </c>
      <c r="D83" s="10" t="s">
        <v>7</v>
      </c>
      <c r="E83" s="10" t="s">
        <v>7</v>
      </c>
      <c r="F83" s="10" t="s">
        <v>7</v>
      </c>
      <c r="G83" s="10" t="s">
        <v>7</v>
      </c>
    </row>
    <row r="84" spans="1:7" x14ac:dyDescent="0.25">
      <c r="A84" s="2" t="s">
        <v>119</v>
      </c>
      <c r="B84" s="4" t="s">
        <v>978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</row>
    <row r="85" spans="1:7" x14ac:dyDescent="0.25">
      <c r="A85" s="2" t="s">
        <v>120</v>
      </c>
      <c r="B85" s="4" t="s">
        <v>979</v>
      </c>
      <c r="C85" s="12">
        <v>187884615.66999999</v>
      </c>
      <c r="D85" s="12">
        <v>3986068.19</v>
      </c>
      <c r="E85" s="12">
        <v>140499534.91999999</v>
      </c>
      <c r="F85" s="12">
        <v>43399012.560000002</v>
      </c>
      <c r="G85" s="12">
        <v>0</v>
      </c>
    </row>
    <row r="86" spans="1:7" x14ac:dyDescent="0.25">
      <c r="A86" s="2" t="s">
        <v>121</v>
      </c>
      <c r="B86" s="4" t="s">
        <v>980</v>
      </c>
      <c r="C86" s="12">
        <v>54588728.18</v>
      </c>
      <c r="D86" s="12">
        <v>90647.57</v>
      </c>
      <c r="E86" s="12">
        <v>1696301.19</v>
      </c>
      <c r="F86" s="12">
        <v>52801779.420000002</v>
      </c>
      <c r="G86" s="12">
        <v>0</v>
      </c>
    </row>
    <row r="87" spans="1:7" x14ac:dyDescent="0.25">
      <c r="A87" s="2" t="s">
        <v>122</v>
      </c>
      <c r="B87" s="4" t="s">
        <v>981</v>
      </c>
      <c r="C87" s="12">
        <v>2733266.91</v>
      </c>
      <c r="D87" s="12">
        <v>91.67</v>
      </c>
      <c r="E87" s="12">
        <v>769107</v>
      </c>
      <c r="F87" s="12">
        <v>1964068.24</v>
      </c>
      <c r="G87" s="12">
        <v>0</v>
      </c>
    </row>
    <row r="88" spans="1:7" x14ac:dyDescent="0.25">
      <c r="A88" s="2" t="s">
        <v>123</v>
      </c>
      <c r="B88" s="4" t="s">
        <v>982</v>
      </c>
      <c r="C88" s="12">
        <v>6259807.5899999999</v>
      </c>
      <c r="D88" s="12">
        <v>18113.66</v>
      </c>
      <c r="E88" s="12">
        <v>0</v>
      </c>
      <c r="F88" s="12">
        <v>6241693.9299999997</v>
      </c>
      <c r="G88" s="12">
        <v>0</v>
      </c>
    </row>
    <row r="89" spans="1:7" x14ac:dyDescent="0.25">
      <c r="A89" s="2" t="s">
        <v>124</v>
      </c>
      <c r="B89" s="4" t="s">
        <v>983</v>
      </c>
      <c r="C89" s="12">
        <v>1711716.34</v>
      </c>
      <c r="D89" s="12">
        <v>0</v>
      </c>
      <c r="E89" s="12">
        <v>0</v>
      </c>
      <c r="F89" s="12">
        <v>1711716.34</v>
      </c>
      <c r="G89" s="12">
        <v>0</v>
      </c>
    </row>
    <row r="90" spans="1:7" x14ac:dyDescent="0.25">
      <c r="A90" s="3" t="s">
        <v>125</v>
      </c>
      <c r="B90" s="5" t="s">
        <v>984</v>
      </c>
      <c r="C90" s="11">
        <v>253178134.69</v>
      </c>
      <c r="D90" s="11">
        <v>4094921.09</v>
      </c>
      <c r="E90" s="11">
        <v>142964943.11000001</v>
      </c>
      <c r="F90" s="11">
        <v>106118270.48999999</v>
      </c>
      <c r="G90" s="11">
        <v>0</v>
      </c>
    </row>
    <row r="92" spans="1:7" x14ac:dyDescent="0.25">
      <c r="A92" s="10" t="s">
        <v>6</v>
      </c>
      <c r="B92" s="10" t="s">
        <v>985</v>
      </c>
      <c r="C92" s="10" t="s">
        <v>986</v>
      </c>
      <c r="D92" s="10" t="s">
        <v>7</v>
      </c>
      <c r="E92" s="10" t="s">
        <v>986</v>
      </c>
    </row>
    <row r="93" spans="1:7" ht="21" x14ac:dyDescent="0.25">
      <c r="A93" s="10" t="s">
        <v>7</v>
      </c>
      <c r="B93" s="10" t="s">
        <v>7</v>
      </c>
      <c r="C93" s="1" t="s">
        <v>987</v>
      </c>
      <c r="D93" s="1" t="s">
        <v>988</v>
      </c>
      <c r="E93" s="1" t="s">
        <v>989</v>
      </c>
    </row>
    <row r="94" spans="1:7" x14ac:dyDescent="0.25">
      <c r="A94" s="2" t="s">
        <v>126</v>
      </c>
      <c r="B94" s="4" t="s">
        <v>990</v>
      </c>
      <c r="C94" s="12">
        <v>0</v>
      </c>
      <c r="D94" s="12">
        <v>0</v>
      </c>
      <c r="E94" s="12">
        <v>0</v>
      </c>
    </row>
    <row r="95" spans="1:7" x14ac:dyDescent="0.25">
      <c r="A95" s="2" t="s">
        <v>127</v>
      </c>
      <c r="B95" s="4" t="s">
        <v>991</v>
      </c>
      <c r="C95" s="12">
        <v>0</v>
      </c>
      <c r="D95" s="12">
        <v>0</v>
      </c>
      <c r="E95" s="12">
        <v>0</v>
      </c>
    </row>
    <row r="96" spans="1:7" x14ac:dyDescent="0.25">
      <c r="A96" s="2" t="s">
        <v>129</v>
      </c>
      <c r="B96" s="4" t="s">
        <v>992</v>
      </c>
      <c r="C96" s="12">
        <v>0</v>
      </c>
      <c r="D96" s="12">
        <v>0</v>
      </c>
      <c r="E96" s="12">
        <v>0</v>
      </c>
    </row>
    <row r="97" spans="1:8" x14ac:dyDescent="0.25">
      <c r="A97" s="2" t="s">
        <v>131</v>
      </c>
      <c r="B97" s="4" t="s">
        <v>993</v>
      </c>
      <c r="C97" s="12">
        <v>0</v>
      </c>
      <c r="D97" s="12">
        <v>0</v>
      </c>
      <c r="E97" s="12">
        <v>0</v>
      </c>
    </row>
    <row r="98" spans="1:8" x14ac:dyDescent="0.25">
      <c r="A98" s="2" t="s">
        <v>133</v>
      </c>
      <c r="B98" s="4" t="s">
        <v>994</v>
      </c>
      <c r="C98" s="12">
        <v>0</v>
      </c>
      <c r="D98" s="12">
        <v>0</v>
      </c>
      <c r="E98" s="12">
        <v>0</v>
      </c>
    </row>
    <row r="99" spans="1:8" x14ac:dyDescent="0.25">
      <c r="A99" s="2" t="s">
        <v>135</v>
      </c>
      <c r="B99" s="4" t="s">
        <v>983</v>
      </c>
      <c r="C99" s="12">
        <v>0</v>
      </c>
      <c r="D99" s="12">
        <v>0</v>
      </c>
      <c r="E99" s="12">
        <v>0</v>
      </c>
    </row>
    <row r="100" spans="1:8" x14ac:dyDescent="0.25">
      <c r="A100" s="3" t="s">
        <v>137</v>
      </c>
      <c r="B100" s="5" t="s">
        <v>995</v>
      </c>
      <c r="C100" s="11">
        <v>0</v>
      </c>
      <c r="D100" s="11">
        <v>0</v>
      </c>
      <c r="E100" s="11">
        <v>0</v>
      </c>
    </row>
    <row r="102" spans="1:8" x14ac:dyDescent="0.25">
      <c r="A102" s="10" t="s">
        <v>6</v>
      </c>
      <c r="B102" s="10" t="s">
        <v>996</v>
      </c>
      <c r="C102" s="10" t="s">
        <v>997</v>
      </c>
      <c r="D102" s="10" t="s">
        <v>7</v>
      </c>
      <c r="E102" s="10" t="s">
        <v>997</v>
      </c>
    </row>
    <row r="103" spans="1:8" ht="21" x14ac:dyDescent="0.25">
      <c r="A103" s="10" t="s">
        <v>7</v>
      </c>
      <c r="B103" s="10" t="s">
        <v>7</v>
      </c>
      <c r="C103" s="1" t="s">
        <v>987</v>
      </c>
      <c r="D103" s="1" t="s">
        <v>998</v>
      </c>
      <c r="E103" s="1" t="s">
        <v>989</v>
      </c>
    </row>
    <row r="104" spans="1:8" x14ac:dyDescent="0.25">
      <c r="A104" s="2" t="s">
        <v>139</v>
      </c>
      <c r="B104" s="4" t="s">
        <v>999</v>
      </c>
      <c r="C104" s="12">
        <v>0</v>
      </c>
      <c r="D104" s="12">
        <v>0</v>
      </c>
      <c r="E104" s="12">
        <v>0</v>
      </c>
    </row>
    <row r="105" spans="1:8" x14ac:dyDescent="0.25">
      <c r="A105" s="2" t="s">
        <v>141</v>
      </c>
      <c r="B105" s="4" t="s">
        <v>1000</v>
      </c>
      <c r="C105" s="12">
        <v>0</v>
      </c>
      <c r="D105" s="12">
        <v>0</v>
      </c>
      <c r="E105" s="12">
        <v>0</v>
      </c>
    </row>
    <row r="106" spans="1:8" x14ac:dyDescent="0.25">
      <c r="A106" s="2" t="s">
        <v>143</v>
      </c>
      <c r="B106" s="4" t="s">
        <v>1001</v>
      </c>
      <c r="C106" s="12">
        <v>0</v>
      </c>
      <c r="D106" s="12">
        <v>0</v>
      </c>
      <c r="E106" s="12">
        <v>0</v>
      </c>
    </row>
    <row r="107" spans="1:8" x14ac:dyDescent="0.25">
      <c r="A107" s="2" t="s">
        <v>145</v>
      </c>
      <c r="B107" s="4" t="s">
        <v>1002</v>
      </c>
      <c r="C107" s="12">
        <v>0</v>
      </c>
      <c r="D107" s="12">
        <v>0</v>
      </c>
      <c r="E107" s="12">
        <v>0</v>
      </c>
    </row>
    <row r="108" spans="1:8" x14ac:dyDescent="0.25">
      <c r="A108" s="2" t="s">
        <v>147</v>
      </c>
      <c r="B108" s="4" t="s">
        <v>1003</v>
      </c>
      <c r="C108" s="12">
        <v>0</v>
      </c>
      <c r="D108" s="12">
        <v>0</v>
      </c>
      <c r="E108" s="12">
        <v>0</v>
      </c>
    </row>
    <row r="109" spans="1:8" x14ac:dyDescent="0.25">
      <c r="A109" s="2" t="s">
        <v>149</v>
      </c>
      <c r="B109" s="4" t="s">
        <v>1004</v>
      </c>
      <c r="C109" s="12">
        <v>0</v>
      </c>
      <c r="D109" s="12">
        <v>0</v>
      </c>
      <c r="E109" s="12">
        <v>0</v>
      </c>
    </row>
    <row r="110" spans="1:8" x14ac:dyDescent="0.25">
      <c r="A110" s="3" t="s">
        <v>151</v>
      </c>
      <c r="B110" s="5" t="s">
        <v>1005</v>
      </c>
      <c r="C110" s="11">
        <v>0</v>
      </c>
      <c r="D110" s="11">
        <v>0</v>
      </c>
      <c r="E110" s="11">
        <v>0</v>
      </c>
    </row>
    <row r="112" spans="1:8" x14ac:dyDescent="0.25">
      <c r="A112" s="10" t="s">
        <v>6</v>
      </c>
      <c r="B112" s="10" t="s">
        <v>1006</v>
      </c>
      <c r="C112" s="10" t="s">
        <v>369</v>
      </c>
      <c r="D112" s="10" t="s">
        <v>559</v>
      </c>
      <c r="E112" s="10" t="s">
        <v>168</v>
      </c>
      <c r="F112" s="10" t="s">
        <v>7</v>
      </c>
      <c r="G112" s="10" t="s">
        <v>172</v>
      </c>
      <c r="H112" s="10" t="s">
        <v>172</v>
      </c>
    </row>
    <row r="113" spans="1:8" ht="21" x14ac:dyDescent="0.25">
      <c r="A113" s="10" t="s">
        <v>7</v>
      </c>
      <c r="B113" s="10" t="s">
        <v>7</v>
      </c>
      <c r="C113" s="10" t="s">
        <v>7</v>
      </c>
      <c r="D113" s="10" t="s">
        <v>7</v>
      </c>
      <c r="E113" s="1" t="s">
        <v>1007</v>
      </c>
      <c r="F113" s="1" t="s">
        <v>1008</v>
      </c>
      <c r="G113" s="1" t="s">
        <v>1009</v>
      </c>
      <c r="H113" s="1" t="s">
        <v>1010</v>
      </c>
    </row>
    <row r="114" spans="1:8" x14ac:dyDescent="0.25">
      <c r="A114" s="2" t="s">
        <v>152</v>
      </c>
      <c r="B114" s="4" t="s">
        <v>1011</v>
      </c>
      <c r="C114" s="12">
        <v>112185500</v>
      </c>
      <c r="D114" s="12">
        <v>101319425</v>
      </c>
      <c r="E114" s="12">
        <v>61756643.219999999</v>
      </c>
      <c r="F114" s="12">
        <v>5.99</v>
      </c>
      <c r="G114" s="12">
        <v>50857283.689999998</v>
      </c>
      <c r="H114" s="12">
        <v>5.52</v>
      </c>
    </row>
    <row r="115" spans="1:8" x14ac:dyDescent="0.25">
      <c r="A115" s="2" t="s">
        <v>153</v>
      </c>
      <c r="B115" s="4" t="s">
        <v>1012</v>
      </c>
      <c r="C115" s="12">
        <v>588892600</v>
      </c>
      <c r="D115" s="12">
        <v>606266309</v>
      </c>
      <c r="E115" s="12">
        <v>310592860.77999997</v>
      </c>
      <c r="F115" s="12">
        <v>30.15</v>
      </c>
      <c r="G115" s="12">
        <v>246867629.25999999</v>
      </c>
      <c r="H115" s="12">
        <v>26.77</v>
      </c>
    </row>
    <row r="116" spans="1:8" x14ac:dyDescent="0.25">
      <c r="A116" s="2" t="s">
        <v>155</v>
      </c>
      <c r="B116" s="4" t="s">
        <v>1013</v>
      </c>
      <c r="C116" s="12">
        <v>93010200</v>
      </c>
      <c r="D116" s="12">
        <v>88968475.349999994</v>
      </c>
      <c r="E116" s="12">
        <v>40067540.960000001</v>
      </c>
      <c r="F116" s="12">
        <v>3.89</v>
      </c>
      <c r="G116" s="12">
        <v>31514447.350000001</v>
      </c>
      <c r="H116" s="12">
        <v>3.42</v>
      </c>
    </row>
    <row r="117" spans="1:8" x14ac:dyDescent="0.25">
      <c r="A117" s="2" t="s">
        <v>157</v>
      </c>
      <c r="B117" s="4" t="s">
        <v>1014</v>
      </c>
      <c r="C117" s="12">
        <v>0</v>
      </c>
      <c r="D117" s="12">
        <v>0</v>
      </c>
      <c r="E117" s="12">
        <v>0</v>
      </c>
      <c r="F117" s="12">
        <v>0</v>
      </c>
      <c r="G117" s="12">
        <v>0</v>
      </c>
      <c r="H117" s="12">
        <v>0</v>
      </c>
    </row>
    <row r="118" spans="1:8" x14ac:dyDescent="0.25">
      <c r="A118" s="2" t="s">
        <v>159</v>
      </c>
      <c r="B118" s="4" t="s">
        <v>1015</v>
      </c>
      <c r="C118" s="12">
        <v>30813300</v>
      </c>
      <c r="D118" s="12">
        <v>31040440</v>
      </c>
      <c r="E118" s="12">
        <v>14151187.42</v>
      </c>
      <c r="F118" s="12">
        <v>1.37</v>
      </c>
      <c r="G118" s="12">
        <v>8260765.9299999997</v>
      </c>
      <c r="H118" s="12">
        <v>0.9</v>
      </c>
    </row>
    <row r="119" spans="1:8" x14ac:dyDescent="0.25">
      <c r="A119" s="2" t="s">
        <v>161</v>
      </c>
      <c r="B119" s="4" t="s">
        <v>1016</v>
      </c>
      <c r="C119" s="12">
        <v>0</v>
      </c>
      <c r="D119" s="12">
        <v>0</v>
      </c>
      <c r="E119" s="12">
        <v>0</v>
      </c>
      <c r="F119" s="12">
        <v>0</v>
      </c>
      <c r="G119" s="12">
        <v>0</v>
      </c>
      <c r="H119" s="12">
        <v>0</v>
      </c>
    </row>
    <row r="120" spans="1:8" x14ac:dyDescent="0.25">
      <c r="A120" s="2" t="s">
        <v>163</v>
      </c>
      <c r="B120" s="4" t="s">
        <v>1017</v>
      </c>
      <c r="C120" s="12">
        <v>644321200</v>
      </c>
      <c r="D120" s="12">
        <v>785392330.36000001</v>
      </c>
      <c r="E120" s="12">
        <v>603744230.39999998</v>
      </c>
      <c r="F120" s="12">
        <v>58.6</v>
      </c>
      <c r="G120" s="12">
        <v>584600706.21000004</v>
      </c>
      <c r="H120" s="12">
        <v>63.4</v>
      </c>
    </row>
    <row r="121" spans="1:8" x14ac:dyDescent="0.25">
      <c r="A121" s="3" t="s">
        <v>176</v>
      </c>
      <c r="B121" s="5" t="s">
        <v>984</v>
      </c>
      <c r="C121" s="11">
        <v>1469222800</v>
      </c>
      <c r="D121" s="11">
        <v>1612986979.71</v>
      </c>
      <c r="E121" s="11">
        <v>1030312462.78</v>
      </c>
      <c r="F121" s="11">
        <v>100</v>
      </c>
      <c r="G121" s="11">
        <v>922100832.44000006</v>
      </c>
      <c r="H121" s="11">
        <v>100</v>
      </c>
    </row>
  </sheetData>
  <mergeCells count="59"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A32:A33"/>
    <mergeCell ref="B32:B33"/>
    <mergeCell ref="C32:C33"/>
    <mergeCell ref="D32:D33"/>
    <mergeCell ref="E32:F32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01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01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1020</v>
      </c>
      <c r="C10" s="10" t="s">
        <v>1021</v>
      </c>
      <c r="D10" s="10" t="s">
        <v>1022</v>
      </c>
      <c r="E10" s="10" t="s">
        <v>1022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69</v>
      </c>
      <c r="E11" s="1" t="s">
        <v>1023</v>
      </c>
    </row>
    <row r="12" spans="1:13" x14ac:dyDescent="0.25">
      <c r="A12" s="3" t="s">
        <v>17</v>
      </c>
      <c r="B12" s="5" t="s">
        <v>1024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9</v>
      </c>
      <c r="B13" s="4" t="s">
        <v>1025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1</v>
      </c>
      <c r="B14" s="5" t="s">
        <v>1026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3</v>
      </c>
      <c r="B15" s="4" t="s">
        <v>1027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5</v>
      </c>
      <c r="B16" s="4" t="s">
        <v>1028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7</v>
      </c>
      <c r="B17" s="4" t="s">
        <v>1029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29</v>
      </c>
      <c r="B18" s="5" t="s">
        <v>1030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1</v>
      </c>
      <c r="B19" s="4" t="s">
        <v>1031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3</v>
      </c>
      <c r="B20" s="4" t="s">
        <v>1032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5</v>
      </c>
      <c r="B21" s="4" t="s">
        <v>1033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7</v>
      </c>
      <c r="B22" s="4" t="s">
        <v>1034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1035</v>
      </c>
      <c r="C24" s="10" t="s">
        <v>1036</v>
      </c>
      <c r="D24" s="10" t="s">
        <v>1037</v>
      </c>
      <c r="E24" s="10" t="s">
        <v>1038</v>
      </c>
      <c r="F24" s="10" t="s">
        <v>1039</v>
      </c>
      <c r="G24" s="10" t="s">
        <v>1040</v>
      </c>
      <c r="H24" s="10" t="s">
        <v>1041</v>
      </c>
      <c r="I24" s="10" t="s">
        <v>1042</v>
      </c>
      <c r="J24" s="10" t="s">
        <v>1043</v>
      </c>
      <c r="K24" s="10" t="s">
        <v>1044</v>
      </c>
      <c r="L24" s="10" t="s">
        <v>1045</v>
      </c>
      <c r="M24" s="10" t="s">
        <v>1046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2" t="s">
        <v>39</v>
      </c>
      <c r="B26" s="4" t="s">
        <v>1047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  <c r="J26" s="12">
        <v>0</v>
      </c>
      <c r="K26" s="12">
        <v>0</v>
      </c>
      <c r="L26" s="12">
        <v>0</v>
      </c>
      <c r="M26" s="12">
        <v>0</v>
      </c>
    </row>
    <row r="27" spans="1:13" x14ac:dyDescent="0.25">
      <c r="A27" s="2" t="s">
        <v>41</v>
      </c>
      <c r="B27" s="4" t="s">
        <v>1048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3</v>
      </c>
      <c r="B28" s="4" t="s">
        <v>1049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2" t="s">
        <v>45</v>
      </c>
      <c r="B29" s="4" t="s">
        <v>1050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</row>
    <row r="30" spans="1:13" x14ac:dyDescent="0.25">
      <c r="A30" s="2" t="s">
        <v>47</v>
      </c>
      <c r="B30" s="4" t="s">
        <v>1051</v>
      </c>
      <c r="C30" s="12">
        <v>10735143525.049999</v>
      </c>
      <c r="D30" s="12">
        <v>10903504527.02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3" t="s">
        <v>49</v>
      </c>
      <c r="B31" s="5" t="s">
        <v>1052</v>
      </c>
      <c r="C31" s="11">
        <v>0</v>
      </c>
      <c r="D31" s="11">
        <v>0</v>
      </c>
      <c r="E31" s="11">
        <v>0</v>
      </c>
      <c r="F31" s="11">
        <v>0</v>
      </c>
      <c r="G31" s="11">
        <v>0</v>
      </c>
      <c r="H31" s="11">
        <v>0</v>
      </c>
      <c r="I31" s="11">
        <v>0</v>
      </c>
      <c r="J31" s="11">
        <v>0</v>
      </c>
      <c r="K31" s="11">
        <v>0</v>
      </c>
      <c r="L31" s="11">
        <v>0</v>
      </c>
      <c r="M31" s="11">
        <v>0</v>
      </c>
    </row>
    <row r="32" spans="1:13" x14ac:dyDescent="0.25">
      <c r="A32" s="2" t="s">
        <v>51</v>
      </c>
      <c r="B32" s="4" t="s">
        <v>1053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  <c r="J32" s="12">
        <v>0</v>
      </c>
      <c r="K32" s="12">
        <v>0</v>
      </c>
      <c r="L32" s="12">
        <v>0</v>
      </c>
      <c r="M32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9-24T19:19:18Z</dcterms:created>
  <dcterms:modified xsi:type="dcterms:W3CDTF">2019-09-24T20:03:17Z</dcterms:modified>
</cp:coreProperties>
</file>